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wmf" ContentType="image/x-wmf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theme/theme2.xml" ContentType="application/vnd.openxmlformats-officedocument.theme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heme/themeOverride1.xml" ContentType="application/vnd.openxmlformats-officedocument.themeOverride+xml"/>
  <Override PartName="/ppt/notesSlides/notesSlide4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5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  <p:sldMasterId id="2147483677" r:id="rId6"/>
    <p:sldMasterId id="2147483686" r:id="rId7"/>
  </p:sldMasterIdLst>
  <p:notesMasterIdLst>
    <p:notesMasterId r:id="rId18"/>
  </p:notesMasterIdLst>
  <p:sldIdLst>
    <p:sldId id="266" r:id="rId8"/>
    <p:sldId id="3847" r:id="rId9"/>
    <p:sldId id="3943" r:id="rId10"/>
    <p:sldId id="280" r:id="rId11"/>
    <p:sldId id="3941" r:id="rId12"/>
    <p:sldId id="3903" r:id="rId13"/>
    <p:sldId id="3902" r:id="rId14"/>
    <p:sldId id="3907" r:id="rId15"/>
    <p:sldId id="3942" r:id="rId16"/>
    <p:sldId id="3935" r:id="rId17"/>
  </p:sldIdLst>
  <p:sldSz cx="12192000" cy="6858000"/>
  <p:notesSz cx="6797675" cy="9926638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126">
          <p15:clr>
            <a:srgbClr val="A4A3A4"/>
          </p15:clr>
        </p15:guide>
        <p15:guide id="2" pos="2141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Forfatter" initials="F" lastIdx="1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68076"/>
    <a:srgbClr val="B3B3B3"/>
    <a:srgbClr val="009CE8"/>
    <a:srgbClr val="4BD456"/>
    <a:srgbClr val="565656"/>
    <a:srgbClr val="1F4A6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734" autoAdjust="0"/>
    <p:restoredTop sz="90834" autoAdjust="0"/>
  </p:normalViewPr>
  <p:slideViewPr>
    <p:cSldViewPr showGuides="1">
      <p:cViewPr varScale="1">
        <p:scale>
          <a:sx n="103" d="100"/>
          <a:sy n="103" d="100"/>
        </p:scale>
        <p:origin x="924" y="114"/>
      </p:cViewPr>
      <p:guideLst>
        <p:guide orient="horz" pos="2160"/>
        <p:guide pos="3840"/>
      </p:guideLst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62" d="100"/>
        <a:sy n="162" d="100"/>
      </p:scale>
      <p:origin x="0" y="0"/>
    </p:cViewPr>
  </p:sorterViewPr>
  <p:notesViewPr>
    <p:cSldViewPr showGuides="1">
      <p:cViewPr varScale="1">
        <p:scale>
          <a:sx n="79" d="100"/>
          <a:sy n="79" d="100"/>
        </p:scale>
        <p:origin x="-3936" y="-84"/>
      </p:cViewPr>
      <p:guideLst>
        <p:guide orient="horz" pos="3126"/>
        <p:guide pos="2141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4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commentAuthors" Target="commentAuthor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Relationship Id="rId4" Type="http://schemas.openxmlformats.org/officeDocument/2006/relationships/package" Target="../embeddings/Microsoft_Excel_Worksheet.xlsx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/>
      <c:pie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26B5-47D2-B8C9-B1D247823BE8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26B5-47D2-B8C9-B1D247823BE8}"/>
              </c:ext>
            </c:extLst>
          </c:dPt>
          <c:dLbls>
            <c:dLbl>
              <c:idx val="0"/>
              <c:layout>
                <c:manualLayout>
                  <c:x val="6.0249956176545251E-2"/>
                  <c:y val="1.4223849087314994E-2"/>
                </c:manualLayout>
              </c:layout>
              <c:spPr>
                <a:noFill/>
                <a:ln>
                  <a:noFill/>
                </a:ln>
                <a:effectLst/>
              </c:spPr>
              <c:txPr>
                <a:bodyPr rot="0" spcFirstLastPara="1" vertOverflow="overflow" horzOverflow="overflow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1400" b="0" i="0" u="none" strike="noStrike" kern="1200" baseline="0">
                      <a:solidFill>
                        <a:schemeClr val="tx1">
                          <a:lumMod val="75000"/>
                          <a:lumOff val="25000"/>
                        </a:schemeClr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bestFit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layout>
                    <c:manualLayout>
                      <c:w val="0.41031657494380036"/>
                      <c:h val="0.25730605326966904"/>
                    </c:manualLayout>
                  </c15:layout>
                </c:ext>
                <c:ext xmlns:c16="http://schemas.microsoft.com/office/drawing/2014/chart" uri="{C3380CC4-5D6E-409C-BE32-E72D297353CC}">
                  <c16:uniqueId val="{00000001-26B5-47D2-B8C9-B1D247823BE8}"/>
                </c:ext>
              </c:extLst>
            </c:dLbl>
            <c:dLbl>
              <c:idx val="1"/>
              <c:layout>
                <c:manualLayout>
                  <c:x val="-4.8199751457559802E-2"/>
                  <c:y val="-1.738427547268438E-16"/>
                </c:manualLayout>
              </c:layout>
              <c:spPr>
                <a:noFill/>
                <a:ln>
                  <a:noFill/>
                </a:ln>
                <a:effectLst/>
              </c:spPr>
              <c:txPr>
                <a:bodyPr rot="0" spcFirstLastPara="1" vertOverflow="overflow" horzOverflow="overflow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1400" b="0" i="0" u="none" strike="noStrike" kern="1200" baseline="0">
                      <a:solidFill>
                        <a:schemeClr val="tx1">
                          <a:lumMod val="75000"/>
                          <a:lumOff val="25000"/>
                        </a:schemeClr>
                      </a:solidFill>
                      <a:latin typeface="+mn-lt"/>
                      <a:ea typeface="+mn-ea"/>
                      <a:cs typeface="+mn-cs"/>
                    </a:defRPr>
                  </a:pPr>
                  <a:endParaRPr lang="da-DK"/>
                </a:p>
              </c:txPr>
              <c:dLblPos val="bestFit"/>
              <c:showLegendKey val="0"/>
              <c:showVal val="0"/>
              <c:showCatName val="1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>
                  <c15:layout>
                    <c:manualLayout>
                      <c:w val="0.32897929421822153"/>
                      <c:h val="0.17627858965480553"/>
                    </c:manualLayout>
                  </c15:layout>
                </c:ext>
                <c:ext xmlns:c16="http://schemas.microsoft.com/office/drawing/2014/chart" uri="{C3380CC4-5D6E-409C-BE32-E72D297353CC}">
                  <c16:uniqueId val="{00000003-26B5-47D2-B8C9-B1D247823BE8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overflow" horzOverflow="overflow" vert="horz" wrap="square" lIns="38100" tIns="19050" rIns="38100" bIns="19050" anchor="ctr" anchorCtr="1">
                <a:spAutoFit/>
              </a:bodyPr>
              <a:lstStyle/>
              <a:p>
                <a:pPr>
                  <a:defRPr sz="1000" b="0" i="0" u="none" strike="noStrike" kern="1200" baseline="0">
                    <a:solidFill>
                      <a:schemeClr val="tx1">
                        <a:lumMod val="75000"/>
                        <a:lumOff val="2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outEnd"/>
            <c:showLegendKey val="0"/>
            <c:showVal val="0"/>
            <c:showCatName val="1"/>
            <c:showSerName val="0"/>
            <c:showPercent val="1"/>
            <c:showBubbleSize val="0"/>
            <c:showLeaderLines val="0"/>
            <c:extLst>
              <c:ext xmlns:c15="http://schemas.microsoft.com/office/drawing/2012/chart" uri="{CE6537A1-D6FC-4f65-9D91-7224C49458BB}"/>
            </c:extLst>
          </c:dLbls>
          <c:cat>
            <c:strRef>
              <c:f>'Ark1'!$D$42:$D$43</c:f>
              <c:strCache>
                <c:ptCount val="2"/>
                <c:pt idx="0">
                  <c:v>Scope 1 og 2</c:v>
                </c:pt>
                <c:pt idx="1">
                  <c:v>Scope 3</c:v>
                </c:pt>
              </c:strCache>
            </c:strRef>
          </c:cat>
          <c:val>
            <c:numRef>
              <c:f>'Ark1'!$E$42:$E$43</c:f>
              <c:numCache>
                <c:formatCode>General</c:formatCode>
                <c:ptCount val="2"/>
                <c:pt idx="0">
                  <c:v>5</c:v>
                </c:pt>
                <c:pt idx="1">
                  <c:v>9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26B5-47D2-B8C9-B1D247823BE8}"/>
            </c:ext>
          </c:extLst>
        </c:ser>
        <c:dLbls>
          <c:dLblPos val="inEnd"/>
          <c:showLegendKey val="0"/>
          <c:showVal val="0"/>
          <c:showCatName val="0"/>
          <c:showSerName val="0"/>
          <c:showPercent val="1"/>
          <c:showBubbleSize val="0"/>
          <c:showLeaderLines val="0"/>
        </c:dLbls>
        <c:firstSliceAng val="0"/>
      </c:pie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a-DK"/>
    </a:p>
  </c:txPr>
  <c:externalData r:id="rId4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5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8B7D26E7-63D5-4A17-A080-BF45DD436309}" type="doc">
      <dgm:prSet loTypeId="urn:microsoft.com/office/officeart/2005/8/layout/cycle1" loCatId="cycle" qsTypeId="urn:microsoft.com/office/officeart/2005/8/quickstyle/simple1" qsCatId="simple" csTypeId="urn:microsoft.com/office/officeart/2005/8/colors/colorful5" csCatId="colorful" phldr="1"/>
      <dgm:spPr/>
      <dgm:t>
        <a:bodyPr/>
        <a:lstStyle/>
        <a:p>
          <a:endParaRPr lang="da-DK"/>
        </a:p>
      </dgm:t>
    </dgm:pt>
    <dgm:pt modelId="{40363F8D-1540-4C72-A43A-91E528C2FA45}">
      <dgm:prSet phldrT="[Tekst]" custT="1"/>
      <dgm:spPr/>
      <dgm:t>
        <a:bodyPr/>
        <a:lstStyle/>
        <a:p>
          <a:pPr>
            <a:lnSpc>
              <a:spcPct val="100000"/>
            </a:lnSpc>
            <a:spcAft>
              <a:spcPts val="200"/>
            </a:spcAft>
          </a:pPr>
          <a:r>
            <a:rPr lang="da-DK" sz="1400" b="1" dirty="0"/>
            <a:t>Årlige handlingsplaner</a:t>
          </a:r>
          <a:r>
            <a:rPr lang="da-DK" sz="1100" dirty="0"/>
            <a:t> </a:t>
          </a:r>
        </a:p>
        <a:p>
          <a:pPr>
            <a:lnSpc>
              <a:spcPct val="100000"/>
            </a:lnSpc>
            <a:spcAft>
              <a:spcPts val="200"/>
            </a:spcAft>
          </a:pPr>
          <a:r>
            <a:rPr lang="da-DK" sz="1100" dirty="0"/>
            <a:t>December </a:t>
          </a:r>
        </a:p>
      </dgm:t>
    </dgm:pt>
    <dgm:pt modelId="{2541C18F-FC65-47FB-9C1C-DCB1E6C1BF8D}" type="parTrans" cxnId="{2841A34D-0D9C-44D4-931F-AC1F0E9D3C97}">
      <dgm:prSet/>
      <dgm:spPr/>
      <dgm:t>
        <a:bodyPr/>
        <a:lstStyle/>
        <a:p>
          <a:endParaRPr lang="da-DK"/>
        </a:p>
      </dgm:t>
    </dgm:pt>
    <dgm:pt modelId="{10E755E0-B856-4442-82DE-0F67E08AE412}" type="sibTrans" cxnId="{2841A34D-0D9C-44D4-931F-AC1F0E9D3C97}">
      <dgm:prSet/>
      <dgm:spPr>
        <a:solidFill>
          <a:srgbClr val="1E3263"/>
        </a:solidFill>
      </dgm:spPr>
      <dgm:t>
        <a:bodyPr/>
        <a:lstStyle/>
        <a:p>
          <a:endParaRPr lang="da-DK"/>
        </a:p>
      </dgm:t>
    </dgm:pt>
    <dgm:pt modelId="{DB00E38C-D287-4829-9ADC-7B3F38605585}">
      <dgm:prSet phldrT="[Tekst]" custT="1"/>
      <dgm:spPr/>
      <dgm:t>
        <a:bodyPr/>
        <a:lstStyle/>
        <a:p>
          <a:pPr>
            <a:lnSpc>
              <a:spcPct val="100000"/>
            </a:lnSpc>
            <a:spcAft>
              <a:spcPts val="200"/>
            </a:spcAft>
          </a:pPr>
          <a:r>
            <a:rPr lang="da-DK" sz="1400" b="1" dirty="0"/>
            <a:t>Klimaregnskab</a:t>
          </a:r>
          <a:r>
            <a:rPr lang="da-DK" sz="1400" dirty="0"/>
            <a:t> </a:t>
          </a:r>
        </a:p>
        <a:p>
          <a:pPr>
            <a:lnSpc>
              <a:spcPct val="100000"/>
            </a:lnSpc>
            <a:spcAft>
              <a:spcPts val="200"/>
            </a:spcAft>
          </a:pPr>
          <a:r>
            <a:rPr lang="da-DK" sz="1400" dirty="0"/>
            <a:t>og </a:t>
          </a:r>
          <a:r>
            <a:rPr lang="da-DK" sz="1400" b="1" dirty="0"/>
            <a:t>koncernstatus</a:t>
          </a:r>
        </a:p>
        <a:p>
          <a:pPr>
            <a:lnSpc>
              <a:spcPct val="100000"/>
            </a:lnSpc>
            <a:spcAft>
              <a:spcPts val="200"/>
            </a:spcAft>
          </a:pPr>
          <a:r>
            <a:rPr lang="da-DK" sz="1100" dirty="0"/>
            <a:t>Juni</a:t>
          </a:r>
        </a:p>
      </dgm:t>
    </dgm:pt>
    <dgm:pt modelId="{73B70F5C-BC19-4AF8-8969-DCD9D749D619}" type="parTrans" cxnId="{5FD6192D-4BBC-47FB-BDB2-F070868B53CA}">
      <dgm:prSet/>
      <dgm:spPr/>
      <dgm:t>
        <a:bodyPr/>
        <a:lstStyle/>
        <a:p>
          <a:endParaRPr lang="da-DK"/>
        </a:p>
      </dgm:t>
    </dgm:pt>
    <dgm:pt modelId="{EF23790F-A678-4E97-822B-0606B74914FA}" type="sibTrans" cxnId="{5FD6192D-4BBC-47FB-BDB2-F070868B53CA}">
      <dgm:prSet/>
      <dgm:spPr>
        <a:solidFill>
          <a:srgbClr val="249437"/>
        </a:solidFill>
      </dgm:spPr>
      <dgm:t>
        <a:bodyPr/>
        <a:lstStyle/>
        <a:p>
          <a:endParaRPr lang="da-DK"/>
        </a:p>
      </dgm:t>
    </dgm:pt>
    <dgm:pt modelId="{21499931-DDE7-4B9E-8488-3CDC96C6395D}">
      <dgm:prSet phldrT="[Tekst]" custT="1"/>
      <dgm:spPr/>
      <dgm:t>
        <a:bodyPr/>
        <a:lstStyle/>
        <a:p>
          <a:pPr>
            <a:lnSpc>
              <a:spcPct val="100000"/>
            </a:lnSpc>
            <a:spcAft>
              <a:spcPts val="200"/>
            </a:spcAft>
          </a:pPr>
          <a:r>
            <a:rPr lang="da-DK" sz="1400" b="1" dirty="0"/>
            <a:t>Grøn omstillingsrapport</a:t>
          </a:r>
        </a:p>
        <a:p>
          <a:pPr>
            <a:lnSpc>
              <a:spcPct val="100000"/>
            </a:lnSpc>
            <a:spcAft>
              <a:spcPts val="200"/>
            </a:spcAft>
          </a:pPr>
          <a:r>
            <a:rPr lang="da-DK" sz="1100" dirty="0"/>
            <a:t>Oktober</a:t>
          </a:r>
          <a:endParaRPr lang="da-DK" sz="1100" dirty="0">
            <a:highlight>
              <a:srgbClr val="FFFF00"/>
            </a:highlight>
          </a:endParaRPr>
        </a:p>
      </dgm:t>
    </dgm:pt>
    <dgm:pt modelId="{A3B8BA7E-3F8A-40DC-9EF2-D9DAAED5AFA4}" type="parTrans" cxnId="{FE690213-C6AA-4D23-B417-2002F09190BF}">
      <dgm:prSet/>
      <dgm:spPr/>
      <dgm:t>
        <a:bodyPr/>
        <a:lstStyle/>
        <a:p>
          <a:endParaRPr lang="da-DK"/>
        </a:p>
      </dgm:t>
    </dgm:pt>
    <dgm:pt modelId="{1672844C-B906-4B39-BBFC-2870CB3A84E6}" type="sibTrans" cxnId="{FE690213-C6AA-4D23-B417-2002F09190BF}">
      <dgm:prSet/>
      <dgm:spPr>
        <a:solidFill>
          <a:srgbClr val="C11628"/>
        </a:solidFill>
      </dgm:spPr>
      <dgm:t>
        <a:bodyPr/>
        <a:lstStyle/>
        <a:p>
          <a:endParaRPr lang="da-DK"/>
        </a:p>
      </dgm:t>
    </dgm:pt>
    <dgm:pt modelId="{E6A5F102-41DA-48FE-9049-02041453D73A}">
      <dgm:prSet phldrT="[Tekst]" custT="1"/>
      <dgm:spPr/>
      <dgm:t>
        <a:bodyPr/>
        <a:lstStyle/>
        <a:p>
          <a:pPr>
            <a:lnSpc>
              <a:spcPct val="100000"/>
            </a:lnSpc>
            <a:spcAft>
              <a:spcPts val="200"/>
            </a:spcAft>
          </a:pPr>
          <a:r>
            <a:rPr lang="da-DK" sz="1600" b="1" dirty="0"/>
            <a:t>Strategisk indsatsoverblik</a:t>
          </a:r>
        </a:p>
        <a:p>
          <a:pPr>
            <a:lnSpc>
              <a:spcPct val="100000"/>
            </a:lnSpc>
            <a:spcAft>
              <a:spcPts val="200"/>
            </a:spcAft>
          </a:pPr>
          <a:r>
            <a:rPr lang="da-DK" sz="1100" dirty="0"/>
            <a:t>November</a:t>
          </a:r>
        </a:p>
      </dgm:t>
    </dgm:pt>
    <dgm:pt modelId="{EA5F2A78-D7CA-424F-AF2C-55070BAA62B5}" type="parTrans" cxnId="{EE643A72-AB2D-4826-9791-1E62BDC77C12}">
      <dgm:prSet/>
      <dgm:spPr/>
      <dgm:t>
        <a:bodyPr/>
        <a:lstStyle/>
        <a:p>
          <a:endParaRPr lang="da-DK"/>
        </a:p>
      </dgm:t>
    </dgm:pt>
    <dgm:pt modelId="{E7CCB11F-765A-4756-A085-DB3C9B919385}" type="sibTrans" cxnId="{EE643A72-AB2D-4826-9791-1E62BDC77C12}">
      <dgm:prSet/>
      <dgm:spPr>
        <a:solidFill>
          <a:srgbClr val="D28D0D"/>
        </a:solidFill>
      </dgm:spPr>
      <dgm:t>
        <a:bodyPr/>
        <a:lstStyle/>
        <a:p>
          <a:endParaRPr lang="da-DK"/>
        </a:p>
      </dgm:t>
    </dgm:pt>
    <dgm:pt modelId="{C1CEE830-4576-474A-820C-550DB11621DF}" type="pres">
      <dgm:prSet presAssocID="{8B7D26E7-63D5-4A17-A080-BF45DD436309}" presName="cycle" presStyleCnt="0">
        <dgm:presLayoutVars>
          <dgm:dir/>
          <dgm:resizeHandles val="exact"/>
        </dgm:presLayoutVars>
      </dgm:prSet>
      <dgm:spPr/>
    </dgm:pt>
    <dgm:pt modelId="{4F3090BB-EC63-4DB2-AF56-24373735464A}" type="pres">
      <dgm:prSet presAssocID="{40363F8D-1540-4C72-A43A-91E528C2FA45}" presName="dummy" presStyleCnt="0"/>
      <dgm:spPr/>
    </dgm:pt>
    <dgm:pt modelId="{6CBC2BAF-F5BE-4F32-8D6D-96BD2CCC177A}" type="pres">
      <dgm:prSet presAssocID="{40363F8D-1540-4C72-A43A-91E528C2FA45}" presName="node" presStyleLbl="revTx" presStyleIdx="0" presStyleCnt="4" custScaleX="137870" custScaleY="61080" custRadScaleRad="95403" custRadScaleInc="32645">
        <dgm:presLayoutVars>
          <dgm:bulletEnabled val="1"/>
        </dgm:presLayoutVars>
      </dgm:prSet>
      <dgm:spPr/>
    </dgm:pt>
    <dgm:pt modelId="{ACF6E048-7DE3-4EA3-ADAD-59B3465D65FA}" type="pres">
      <dgm:prSet presAssocID="{10E755E0-B856-4442-82DE-0F67E08AE412}" presName="sibTrans" presStyleLbl="node1" presStyleIdx="0" presStyleCnt="4"/>
      <dgm:spPr/>
    </dgm:pt>
    <dgm:pt modelId="{EB28B5A1-E8CA-4009-8F53-1848BCF05365}" type="pres">
      <dgm:prSet presAssocID="{DB00E38C-D287-4829-9ADC-7B3F38605585}" presName="dummy" presStyleCnt="0"/>
      <dgm:spPr/>
    </dgm:pt>
    <dgm:pt modelId="{D2CEDA2C-E4F7-4857-BB8A-8F5414343CEA}" type="pres">
      <dgm:prSet presAssocID="{DB00E38C-D287-4829-9ADC-7B3F38605585}" presName="node" presStyleLbl="revTx" presStyleIdx="1" presStyleCnt="4" custScaleX="105563" custScaleY="50295" custRadScaleRad="95296" custRadScaleInc="-853">
        <dgm:presLayoutVars>
          <dgm:bulletEnabled val="1"/>
        </dgm:presLayoutVars>
      </dgm:prSet>
      <dgm:spPr/>
    </dgm:pt>
    <dgm:pt modelId="{BDB80C41-EE49-4268-B9F6-28334B8561A0}" type="pres">
      <dgm:prSet presAssocID="{EF23790F-A678-4E97-822B-0606B74914FA}" presName="sibTrans" presStyleLbl="node1" presStyleIdx="1" presStyleCnt="4"/>
      <dgm:spPr/>
    </dgm:pt>
    <dgm:pt modelId="{3A25D555-DBDB-4710-93E2-F87A0EF9722F}" type="pres">
      <dgm:prSet presAssocID="{21499931-DDE7-4B9E-8488-3CDC96C6395D}" presName="dummy" presStyleCnt="0"/>
      <dgm:spPr/>
    </dgm:pt>
    <dgm:pt modelId="{CCF832A4-EA56-45F1-B095-57DB18BDC52A}" type="pres">
      <dgm:prSet presAssocID="{21499931-DDE7-4B9E-8488-3CDC96C6395D}" presName="node" presStyleLbl="revTx" presStyleIdx="2" presStyleCnt="4" custScaleX="175984" custScaleY="47316" custRadScaleRad="93983" custRadScaleInc="64605">
        <dgm:presLayoutVars>
          <dgm:bulletEnabled val="1"/>
        </dgm:presLayoutVars>
      </dgm:prSet>
      <dgm:spPr/>
    </dgm:pt>
    <dgm:pt modelId="{1AF3468A-BC95-46F4-A5D0-A2D26B334B8F}" type="pres">
      <dgm:prSet presAssocID="{1672844C-B906-4B39-BBFC-2870CB3A84E6}" presName="sibTrans" presStyleLbl="node1" presStyleIdx="2" presStyleCnt="4"/>
      <dgm:spPr/>
    </dgm:pt>
    <dgm:pt modelId="{C6010230-08A6-4E31-9AC4-F639260DFA73}" type="pres">
      <dgm:prSet presAssocID="{E6A5F102-41DA-48FE-9049-02041453D73A}" presName="dummy" presStyleCnt="0"/>
      <dgm:spPr/>
    </dgm:pt>
    <dgm:pt modelId="{C99AB38E-010D-4E52-B77A-70354C034FE6}" type="pres">
      <dgm:prSet presAssocID="{E6A5F102-41DA-48FE-9049-02041453D73A}" presName="node" presStyleLbl="revTx" presStyleIdx="3" presStyleCnt="4" custScaleX="156971" custScaleY="42958" custRadScaleRad="102863" custRadScaleInc="-5245">
        <dgm:presLayoutVars>
          <dgm:bulletEnabled val="1"/>
        </dgm:presLayoutVars>
      </dgm:prSet>
      <dgm:spPr/>
    </dgm:pt>
    <dgm:pt modelId="{50903887-4C71-42B7-9353-A0FA383CFA94}" type="pres">
      <dgm:prSet presAssocID="{E7CCB11F-765A-4756-A085-DB3C9B919385}" presName="sibTrans" presStyleLbl="node1" presStyleIdx="3" presStyleCnt="4" custAng="0"/>
      <dgm:spPr/>
    </dgm:pt>
  </dgm:ptLst>
  <dgm:cxnLst>
    <dgm:cxn modelId="{FE690213-C6AA-4D23-B417-2002F09190BF}" srcId="{8B7D26E7-63D5-4A17-A080-BF45DD436309}" destId="{21499931-DDE7-4B9E-8488-3CDC96C6395D}" srcOrd="2" destOrd="0" parTransId="{A3B8BA7E-3F8A-40DC-9EF2-D9DAAED5AFA4}" sibTransId="{1672844C-B906-4B39-BBFC-2870CB3A84E6}"/>
    <dgm:cxn modelId="{3480EB1E-E57C-490C-B866-AC396A7D2C98}" type="presOf" srcId="{E6A5F102-41DA-48FE-9049-02041453D73A}" destId="{C99AB38E-010D-4E52-B77A-70354C034FE6}" srcOrd="0" destOrd="0" presId="urn:microsoft.com/office/officeart/2005/8/layout/cycle1"/>
    <dgm:cxn modelId="{5FD6192D-4BBC-47FB-BDB2-F070868B53CA}" srcId="{8B7D26E7-63D5-4A17-A080-BF45DD436309}" destId="{DB00E38C-D287-4829-9ADC-7B3F38605585}" srcOrd="1" destOrd="0" parTransId="{73B70F5C-BC19-4AF8-8969-DCD9D749D619}" sibTransId="{EF23790F-A678-4E97-822B-0606B74914FA}"/>
    <dgm:cxn modelId="{98B23C4D-6E99-451F-B963-B226D952A1E7}" type="presOf" srcId="{1672844C-B906-4B39-BBFC-2870CB3A84E6}" destId="{1AF3468A-BC95-46F4-A5D0-A2D26B334B8F}" srcOrd="0" destOrd="0" presId="urn:microsoft.com/office/officeart/2005/8/layout/cycle1"/>
    <dgm:cxn modelId="{2841A34D-0D9C-44D4-931F-AC1F0E9D3C97}" srcId="{8B7D26E7-63D5-4A17-A080-BF45DD436309}" destId="{40363F8D-1540-4C72-A43A-91E528C2FA45}" srcOrd="0" destOrd="0" parTransId="{2541C18F-FC65-47FB-9C1C-DCB1E6C1BF8D}" sibTransId="{10E755E0-B856-4442-82DE-0F67E08AE412}"/>
    <dgm:cxn modelId="{EE643A72-AB2D-4826-9791-1E62BDC77C12}" srcId="{8B7D26E7-63D5-4A17-A080-BF45DD436309}" destId="{E6A5F102-41DA-48FE-9049-02041453D73A}" srcOrd="3" destOrd="0" parTransId="{EA5F2A78-D7CA-424F-AF2C-55070BAA62B5}" sibTransId="{E7CCB11F-765A-4756-A085-DB3C9B919385}"/>
    <dgm:cxn modelId="{E1593188-5F4B-4416-9B25-42226D041D9F}" type="presOf" srcId="{E7CCB11F-765A-4756-A085-DB3C9B919385}" destId="{50903887-4C71-42B7-9353-A0FA383CFA94}" srcOrd="0" destOrd="0" presId="urn:microsoft.com/office/officeart/2005/8/layout/cycle1"/>
    <dgm:cxn modelId="{E02CD7BC-743E-4C33-A6FA-6F6385B6594B}" type="presOf" srcId="{21499931-DDE7-4B9E-8488-3CDC96C6395D}" destId="{CCF832A4-EA56-45F1-B095-57DB18BDC52A}" srcOrd="0" destOrd="0" presId="urn:microsoft.com/office/officeart/2005/8/layout/cycle1"/>
    <dgm:cxn modelId="{3E3E7AD1-9B5A-4FB6-919D-48E9BB079632}" type="presOf" srcId="{EF23790F-A678-4E97-822B-0606B74914FA}" destId="{BDB80C41-EE49-4268-B9F6-28334B8561A0}" srcOrd="0" destOrd="0" presId="urn:microsoft.com/office/officeart/2005/8/layout/cycle1"/>
    <dgm:cxn modelId="{3DBB66D7-4441-4DE6-943B-2C5600759630}" type="presOf" srcId="{10E755E0-B856-4442-82DE-0F67E08AE412}" destId="{ACF6E048-7DE3-4EA3-ADAD-59B3465D65FA}" srcOrd="0" destOrd="0" presId="urn:microsoft.com/office/officeart/2005/8/layout/cycle1"/>
    <dgm:cxn modelId="{79337FDA-6C5B-464F-A310-3E3BAB8C9FB5}" type="presOf" srcId="{DB00E38C-D287-4829-9ADC-7B3F38605585}" destId="{D2CEDA2C-E4F7-4857-BB8A-8F5414343CEA}" srcOrd="0" destOrd="0" presId="urn:microsoft.com/office/officeart/2005/8/layout/cycle1"/>
    <dgm:cxn modelId="{D1E04EDD-E591-48BD-8AEE-7DB757A47AB1}" type="presOf" srcId="{8B7D26E7-63D5-4A17-A080-BF45DD436309}" destId="{C1CEE830-4576-474A-820C-550DB11621DF}" srcOrd="0" destOrd="0" presId="urn:microsoft.com/office/officeart/2005/8/layout/cycle1"/>
    <dgm:cxn modelId="{8325C3F4-2A51-45D0-8AA6-E8F849B6B9F3}" type="presOf" srcId="{40363F8D-1540-4C72-A43A-91E528C2FA45}" destId="{6CBC2BAF-F5BE-4F32-8D6D-96BD2CCC177A}" srcOrd="0" destOrd="0" presId="urn:microsoft.com/office/officeart/2005/8/layout/cycle1"/>
    <dgm:cxn modelId="{23B3A64A-F9BE-4777-B1DF-7AC85B8E2D0A}" type="presParOf" srcId="{C1CEE830-4576-474A-820C-550DB11621DF}" destId="{4F3090BB-EC63-4DB2-AF56-24373735464A}" srcOrd="0" destOrd="0" presId="urn:microsoft.com/office/officeart/2005/8/layout/cycle1"/>
    <dgm:cxn modelId="{3D3F479D-1354-457E-B6D2-A714A3770B5F}" type="presParOf" srcId="{C1CEE830-4576-474A-820C-550DB11621DF}" destId="{6CBC2BAF-F5BE-4F32-8D6D-96BD2CCC177A}" srcOrd="1" destOrd="0" presId="urn:microsoft.com/office/officeart/2005/8/layout/cycle1"/>
    <dgm:cxn modelId="{593E6383-71B1-4F41-9C0C-3DFEA2D2E28C}" type="presParOf" srcId="{C1CEE830-4576-474A-820C-550DB11621DF}" destId="{ACF6E048-7DE3-4EA3-ADAD-59B3465D65FA}" srcOrd="2" destOrd="0" presId="urn:microsoft.com/office/officeart/2005/8/layout/cycle1"/>
    <dgm:cxn modelId="{3C0A559A-2125-48CB-8A3C-44EC34175451}" type="presParOf" srcId="{C1CEE830-4576-474A-820C-550DB11621DF}" destId="{EB28B5A1-E8CA-4009-8F53-1848BCF05365}" srcOrd="3" destOrd="0" presId="urn:microsoft.com/office/officeart/2005/8/layout/cycle1"/>
    <dgm:cxn modelId="{F692384C-BBA9-459B-B9BC-C00E6FD88777}" type="presParOf" srcId="{C1CEE830-4576-474A-820C-550DB11621DF}" destId="{D2CEDA2C-E4F7-4857-BB8A-8F5414343CEA}" srcOrd="4" destOrd="0" presId="urn:microsoft.com/office/officeart/2005/8/layout/cycle1"/>
    <dgm:cxn modelId="{D94BEA7E-0038-4F53-B97D-078E492E3922}" type="presParOf" srcId="{C1CEE830-4576-474A-820C-550DB11621DF}" destId="{BDB80C41-EE49-4268-B9F6-28334B8561A0}" srcOrd="5" destOrd="0" presId="urn:microsoft.com/office/officeart/2005/8/layout/cycle1"/>
    <dgm:cxn modelId="{6F642EB9-899A-428C-9082-72366292268D}" type="presParOf" srcId="{C1CEE830-4576-474A-820C-550DB11621DF}" destId="{3A25D555-DBDB-4710-93E2-F87A0EF9722F}" srcOrd="6" destOrd="0" presId="urn:microsoft.com/office/officeart/2005/8/layout/cycle1"/>
    <dgm:cxn modelId="{E0B7E0CC-112A-409F-ABC7-46FC512C6860}" type="presParOf" srcId="{C1CEE830-4576-474A-820C-550DB11621DF}" destId="{CCF832A4-EA56-45F1-B095-57DB18BDC52A}" srcOrd="7" destOrd="0" presId="urn:microsoft.com/office/officeart/2005/8/layout/cycle1"/>
    <dgm:cxn modelId="{3266A85C-D955-4AF2-9414-D2AA8013F8AB}" type="presParOf" srcId="{C1CEE830-4576-474A-820C-550DB11621DF}" destId="{1AF3468A-BC95-46F4-A5D0-A2D26B334B8F}" srcOrd="8" destOrd="0" presId="urn:microsoft.com/office/officeart/2005/8/layout/cycle1"/>
    <dgm:cxn modelId="{173EA486-8D59-47D3-A72C-9E0E62E34AAC}" type="presParOf" srcId="{C1CEE830-4576-474A-820C-550DB11621DF}" destId="{C6010230-08A6-4E31-9AC4-F639260DFA73}" srcOrd="9" destOrd="0" presId="urn:microsoft.com/office/officeart/2005/8/layout/cycle1"/>
    <dgm:cxn modelId="{8A3EB443-B2DB-4009-8253-A74C10F48127}" type="presParOf" srcId="{C1CEE830-4576-474A-820C-550DB11621DF}" destId="{C99AB38E-010D-4E52-B77A-70354C034FE6}" srcOrd="10" destOrd="0" presId="urn:microsoft.com/office/officeart/2005/8/layout/cycle1"/>
    <dgm:cxn modelId="{DB3ACF3F-6460-4145-AFCD-D1E76769C01B}" type="presParOf" srcId="{C1CEE830-4576-474A-820C-550DB11621DF}" destId="{50903887-4C71-42B7-9353-A0FA383CFA94}" srcOrd="11" destOrd="0" presId="urn:microsoft.com/office/officeart/2005/8/layout/cycle1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AB266ADE-03EB-48E6-88AD-36CCBF8A489F}" type="doc">
      <dgm:prSet loTypeId="urn:microsoft.com/office/officeart/2005/8/layout/vList2" loCatId="list" qsTypeId="urn:microsoft.com/office/officeart/2005/8/quickstyle/simple1" qsCatId="simple" csTypeId="urn:microsoft.com/office/officeart/2005/8/colors/colorful5" csCatId="colorful" phldr="1"/>
      <dgm:spPr/>
      <dgm:t>
        <a:bodyPr/>
        <a:lstStyle/>
        <a:p>
          <a:endParaRPr lang="da-DK"/>
        </a:p>
      </dgm:t>
    </dgm:pt>
    <dgm:pt modelId="{A80041EA-D2C1-40B0-99CA-B5FFBC0C941E}">
      <dgm:prSet phldrT="[Tekst]" custT="1"/>
      <dgm:spPr/>
      <dgm:t>
        <a:bodyPr/>
        <a:lstStyle/>
        <a:p>
          <a:r>
            <a:rPr lang="da-DK" sz="2400" dirty="0"/>
            <a:t>Affaldsressourcer</a:t>
          </a:r>
        </a:p>
      </dgm:t>
    </dgm:pt>
    <dgm:pt modelId="{DACCB5F2-FFD3-4EE6-B491-DF2C9555525B}" type="sibTrans" cxnId="{FC19157F-2ECF-41B3-94A3-D1CCFBEDD505}">
      <dgm:prSet/>
      <dgm:spPr/>
      <dgm:t>
        <a:bodyPr/>
        <a:lstStyle/>
        <a:p>
          <a:endParaRPr lang="da-DK"/>
        </a:p>
      </dgm:t>
    </dgm:pt>
    <dgm:pt modelId="{1DF6416D-D4DD-4E25-90DE-90AB593AC909}" type="parTrans" cxnId="{FC19157F-2ECF-41B3-94A3-D1CCFBEDD505}">
      <dgm:prSet/>
      <dgm:spPr/>
      <dgm:t>
        <a:bodyPr/>
        <a:lstStyle/>
        <a:p>
          <a:endParaRPr lang="da-DK"/>
        </a:p>
      </dgm:t>
    </dgm:pt>
    <dgm:pt modelId="{E8BF1A60-E68F-42BF-B672-67DE00411226}">
      <dgm:prSet phldrT="[Tekst]" custT="1"/>
      <dgm:spPr/>
      <dgm:t>
        <a:bodyPr/>
        <a:lstStyle/>
        <a:p>
          <a:r>
            <a:rPr lang="da-DK" sz="2400" dirty="0"/>
            <a:t>Grønne indkøb</a:t>
          </a:r>
        </a:p>
      </dgm:t>
    </dgm:pt>
    <dgm:pt modelId="{F1C10B82-CACB-4F8F-863C-B47D017BA8C3}" type="sibTrans" cxnId="{C0F2D7A9-4210-4053-AD6E-BB8CFAE7D2AD}">
      <dgm:prSet/>
      <dgm:spPr/>
      <dgm:t>
        <a:bodyPr/>
        <a:lstStyle/>
        <a:p>
          <a:endParaRPr lang="da-DK"/>
        </a:p>
      </dgm:t>
    </dgm:pt>
    <dgm:pt modelId="{68D28FC4-639B-40BC-B0F6-CFCA62657DDE}" type="parTrans" cxnId="{C0F2D7A9-4210-4053-AD6E-BB8CFAE7D2AD}">
      <dgm:prSet/>
      <dgm:spPr/>
      <dgm:t>
        <a:bodyPr/>
        <a:lstStyle/>
        <a:p>
          <a:endParaRPr lang="da-DK"/>
        </a:p>
      </dgm:t>
    </dgm:pt>
    <dgm:pt modelId="{53B360E3-9841-44CF-96D5-2D304E578905}">
      <dgm:prSet phldrT="[Tekst]" custT="1"/>
      <dgm:spPr/>
      <dgm:t>
        <a:bodyPr/>
        <a:lstStyle/>
        <a:p>
          <a:r>
            <a:rPr lang="da-DK" sz="2400" dirty="0"/>
            <a:t>Spildevand</a:t>
          </a:r>
        </a:p>
      </dgm:t>
    </dgm:pt>
    <dgm:pt modelId="{50986507-C296-4D9D-80EA-D507ABFDBEDD}" type="sibTrans" cxnId="{1442EFEC-DA0B-4CF6-8871-56FBFA4B3E5A}">
      <dgm:prSet/>
      <dgm:spPr/>
      <dgm:t>
        <a:bodyPr/>
        <a:lstStyle/>
        <a:p>
          <a:endParaRPr lang="da-DK"/>
        </a:p>
      </dgm:t>
    </dgm:pt>
    <dgm:pt modelId="{F5DD202E-8B47-4715-8D81-A2EE8266F5D7}" type="parTrans" cxnId="{1442EFEC-DA0B-4CF6-8871-56FBFA4B3E5A}">
      <dgm:prSet/>
      <dgm:spPr/>
      <dgm:t>
        <a:bodyPr/>
        <a:lstStyle/>
        <a:p>
          <a:endParaRPr lang="da-DK"/>
        </a:p>
      </dgm:t>
    </dgm:pt>
    <dgm:pt modelId="{B337A866-68E7-4BA5-BB07-2489F2D413D9}">
      <dgm:prSet phldrT="[Tekst]" custT="1"/>
      <dgm:spPr/>
      <dgm:t>
        <a:bodyPr/>
        <a:lstStyle/>
        <a:p>
          <a:r>
            <a:rPr lang="da-DK" sz="2400" dirty="0"/>
            <a:t>Energi</a:t>
          </a:r>
        </a:p>
      </dgm:t>
    </dgm:pt>
    <dgm:pt modelId="{EE1A16E1-C6CA-4932-A256-5DEF07317070}" type="sibTrans" cxnId="{DB327A2B-1A60-4762-863A-53099C3769B2}">
      <dgm:prSet/>
      <dgm:spPr/>
      <dgm:t>
        <a:bodyPr/>
        <a:lstStyle/>
        <a:p>
          <a:endParaRPr lang="da-DK"/>
        </a:p>
      </dgm:t>
    </dgm:pt>
    <dgm:pt modelId="{6C07DA17-6120-4687-A91D-AE27CE392AAD}" type="parTrans" cxnId="{DB327A2B-1A60-4762-863A-53099C3769B2}">
      <dgm:prSet/>
      <dgm:spPr/>
      <dgm:t>
        <a:bodyPr/>
        <a:lstStyle/>
        <a:p>
          <a:endParaRPr lang="da-DK"/>
        </a:p>
      </dgm:t>
    </dgm:pt>
    <dgm:pt modelId="{8A5A679A-09CD-4A44-87CE-4C4067AD2496}">
      <dgm:prSet phldrT="[Tekst]" custT="1"/>
      <dgm:spPr/>
      <dgm:t>
        <a:bodyPr/>
        <a:lstStyle/>
        <a:p>
          <a:r>
            <a:rPr lang="da-DK" sz="2400" dirty="0"/>
            <a:t>Grøn transport</a:t>
          </a:r>
        </a:p>
      </dgm:t>
    </dgm:pt>
    <dgm:pt modelId="{E2ADCD6B-CD6A-445C-94A8-FDCACA33E399}" type="sibTrans" cxnId="{A3B5BB9B-562B-4873-A296-539D8F6545EA}">
      <dgm:prSet/>
      <dgm:spPr/>
      <dgm:t>
        <a:bodyPr/>
        <a:lstStyle/>
        <a:p>
          <a:endParaRPr lang="da-DK"/>
        </a:p>
      </dgm:t>
    </dgm:pt>
    <dgm:pt modelId="{76FED320-740F-4E76-A23D-2F7ED58B9AB6}" type="parTrans" cxnId="{A3B5BB9B-562B-4873-A296-539D8F6545EA}">
      <dgm:prSet/>
      <dgm:spPr/>
      <dgm:t>
        <a:bodyPr/>
        <a:lstStyle/>
        <a:p>
          <a:endParaRPr lang="da-DK"/>
        </a:p>
      </dgm:t>
    </dgm:pt>
    <dgm:pt modelId="{525D4643-5A50-4F8C-A60B-4C69324FCABA}">
      <dgm:prSet custT="1"/>
      <dgm:spPr/>
      <dgm:t>
        <a:bodyPr/>
        <a:lstStyle/>
        <a:p>
          <a:pPr marL="0" marR="0" lvl="0" indent="0" defTabSz="914400" eaLnBrk="1" fontAlgn="auto" latinLnBrk="0" hangingPunct="1">
            <a:lnSpc>
              <a:spcPct val="100000"/>
            </a:lnSpc>
            <a:spcBef>
              <a:spcPts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2400" dirty="0"/>
            <a:t>Klimavenlig køkkendrift</a:t>
          </a:r>
        </a:p>
      </dgm:t>
    </dgm:pt>
    <dgm:pt modelId="{8E2F2BEE-0EE0-48CA-8DBF-CAAF7B175ECB}" type="parTrans" cxnId="{FE529BD4-31E3-42F9-BC74-15DC2C063D7C}">
      <dgm:prSet/>
      <dgm:spPr/>
      <dgm:t>
        <a:bodyPr/>
        <a:lstStyle/>
        <a:p>
          <a:endParaRPr lang="da-DK"/>
        </a:p>
      </dgm:t>
    </dgm:pt>
    <dgm:pt modelId="{1937A5DA-C2C3-4C2F-B665-E186CCE63395}" type="sibTrans" cxnId="{FE529BD4-31E3-42F9-BC74-15DC2C063D7C}">
      <dgm:prSet/>
      <dgm:spPr/>
      <dgm:t>
        <a:bodyPr/>
        <a:lstStyle/>
        <a:p>
          <a:endParaRPr lang="da-DK"/>
        </a:p>
      </dgm:t>
    </dgm:pt>
    <dgm:pt modelId="{09150E0D-9BD9-4E3F-B7E6-9D1491805087}">
      <dgm:prSet custT="1"/>
      <dgm:spPr/>
      <dgm:t>
        <a:bodyPr/>
        <a:lstStyle/>
        <a:p>
          <a:pPr algn="l">
            <a:buFont typeface="Arial" panose="020B0604020202020204" pitchFamily="34" charset="0"/>
            <a:buNone/>
          </a:pPr>
          <a:endParaRPr lang="da-DK" sz="2000" dirty="0"/>
        </a:p>
      </dgm:t>
    </dgm:pt>
    <dgm:pt modelId="{E7136299-1DF7-4DBD-8659-A9405BC084F5}" type="parTrans" cxnId="{20C4A324-FCD6-4E58-9195-D4DB5CEC1D5E}">
      <dgm:prSet/>
      <dgm:spPr/>
      <dgm:t>
        <a:bodyPr/>
        <a:lstStyle/>
        <a:p>
          <a:endParaRPr lang="da-DK"/>
        </a:p>
      </dgm:t>
    </dgm:pt>
    <dgm:pt modelId="{347E726D-E4B5-4A1F-A5EA-E0BA7091A1E3}" type="sibTrans" cxnId="{20C4A324-FCD6-4E58-9195-D4DB5CEC1D5E}">
      <dgm:prSet/>
      <dgm:spPr/>
      <dgm:t>
        <a:bodyPr/>
        <a:lstStyle/>
        <a:p>
          <a:endParaRPr lang="da-DK"/>
        </a:p>
      </dgm:t>
    </dgm:pt>
    <dgm:pt modelId="{B1210CA0-AB95-45B1-9A93-C646B2154DD7}">
      <dgm:prSet custT="1"/>
      <dgm:spPr/>
      <dgm:t>
        <a:bodyPr/>
        <a:lstStyle/>
        <a:p>
          <a:endParaRPr lang="da-DK" sz="1400" dirty="0"/>
        </a:p>
      </dgm:t>
    </dgm:pt>
    <dgm:pt modelId="{B1480EDB-CF78-43D0-8F8C-7D334C2457E2}" type="parTrans" cxnId="{27BC8D3E-031C-40D3-BFCD-8D308299B7A0}">
      <dgm:prSet/>
      <dgm:spPr/>
      <dgm:t>
        <a:bodyPr/>
        <a:lstStyle/>
        <a:p>
          <a:endParaRPr lang="da-DK"/>
        </a:p>
      </dgm:t>
    </dgm:pt>
    <dgm:pt modelId="{7DEA1D6D-FC50-4B2E-848C-97296BE315D5}" type="sibTrans" cxnId="{27BC8D3E-031C-40D3-BFCD-8D308299B7A0}">
      <dgm:prSet/>
      <dgm:spPr/>
      <dgm:t>
        <a:bodyPr/>
        <a:lstStyle/>
        <a:p>
          <a:endParaRPr lang="da-DK"/>
        </a:p>
      </dgm:t>
    </dgm:pt>
    <dgm:pt modelId="{448664F3-09E3-4E2B-A317-D381DA2020CD}">
      <dgm:prSet custT="1"/>
      <dgm:spPr/>
      <dgm:t>
        <a:bodyPr/>
        <a:lstStyle/>
        <a:p>
          <a:pPr algn="l"/>
          <a:endParaRPr lang="da-DK" sz="2000" dirty="0"/>
        </a:p>
      </dgm:t>
    </dgm:pt>
    <dgm:pt modelId="{964DEC5D-9DE6-4DCB-B5A4-757C2ACA8667}" type="parTrans" cxnId="{43E86E94-8BDC-4FCA-8750-DF1325BBE9AC}">
      <dgm:prSet/>
      <dgm:spPr/>
      <dgm:t>
        <a:bodyPr/>
        <a:lstStyle/>
        <a:p>
          <a:endParaRPr lang="da-DK"/>
        </a:p>
      </dgm:t>
    </dgm:pt>
    <dgm:pt modelId="{3C163D9B-6C15-43D8-A470-62B9D1C934E4}" type="sibTrans" cxnId="{43E86E94-8BDC-4FCA-8750-DF1325BBE9AC}">
      <dgm:prSet/>
      <dgm:spPr/>
      <dgm:t>
        <a:bodyPr/>
        <a:lstStyle/>
        <a:p>
          <a:endParaRPr lang="da-DK"/>
        </a:p>
      </dgm:t>
    </dgm:pt>
    <dgm:pt modelId="{F7AF3AB4-E142-4596-88A6-F0BEEA804612}">
      <dgm:prSet/>
      <dgm:spPr/>
      <dgm:t>
        <a:bodyPr/>
        <a:lstStyle/>
        <a:p>
          <a:endParaRPr lang="da-DK" dirty="0"/>
        </a:p>
      </dgm:t>
    </dgm:pt>
    <dgm:pt modelId="{B296F34E-ECB5-42CA-B9E6-BEC5E16B58C7}" type="parTrans" cxnId="{E458986F-1890-40C3-958E-4A685002321B}">
      <dgm:prSet/>
      <dgm:spPr/>
      <dgm:t>
        <a:bodyPr/>
        <a:lstStyle/>
        <a:p>
          <a:endParaRPr lang="da-DK"/>
        </a:p>
      </dgm:t>
    </dgm:pt>
    <dgm:pt modelId="{5B59E7ED-FC8C-45A3-B4AE-85099C84F578}" type="sibTrans" cxnId="{E458986F-1890-40C3-958E-4A685002321B}">
      <dgm:prSet/>
      <dgm:spPr/>
      <dgm:t>
        <a:bodyPr/>
        <a:lstStyle/>
        <a:p>
          <a:endParaRPr lang="da-DK"/>
        </a:p>
      </dgm:t>
    </dgm:pt>
    <dgm:pt modelId="{69302D9E-FBE0-4581-85FF-145BC3EB4B70}">
      <dgm:prSet/>
      <dgm:spPr/>
      <dgm:t>
        <a:bodyPr/>
        <a:lstStyle/>
        <a:p>
          <a:endParaRPr lang="da-DK" dirty="0"/>
        </a:p>
      </dgm:t>
    </dgm:pt>
    <dgm:pt modelId="{32D0D582-ADDD-41D0-818C-9D41B1351962}" type="parTrans" cxnId="{E2E208DE-C862-455E-BD17-E2C7FF6E8792}">
      <dgm:prSet/>
      <dgm:spPr/>
      <dgm:t>
        <a:bodyPr/>
        <a:lstStyle/>
        <a:p>
          <a:endParaRPr lang="da-DK"/>
        </a:p>
      </dgm:t>
    </dgm:pt>
    <dgm:pt modelId="{F19E7B83-FB37-4C38-AD9C-D759467BF54D}" type="sibTrans" cxnId="{E2E208DE-C862-455E-BD17-E2C7FF6E8792}">
      <dgm:prSet/>
      <dgm:spPr/>
      <dgm:t>
        <a:bodyPr/>
        <a:lstStyle/>
        <a:p>
          <a:endParaRPr lang="da-DK"/>
        </a:p>
      </dgm:t>
    </dgm:pt>
    <dgm:pt modelId="{5B8A5ADC-0471-42E9-A5D3-2024B764B3EE}">
      <dgm:prSet/>
      <dgm:spPr/>
      <dgm:t>
        <a:bodyPr/>
        <a:lstStyle/>
        <a:p>
          <a:endParaRPr lang="da-DK" dirty="0"/>
        </a:p>
      </dgm:t>
    </dgm:pt>
    <dgm:pt modelId="{EEB5F832-6D5C-4773-8326-5BF30EFB3794}" type="parTrans" cxnId="{58731066-92EF-42DC-B172-33358D847106}">
      <dgm:prSet/>
      <dgm:spPr/>
      <dgm:t>
        <a:bodyPr/>
        <a:lstStyle/>
        <a:p>
          <a:endParaRPr lang="da-DK"/>
        </a:p>
      </dgm:t>
    </dgm:pt>
    <dgm:pt modelId="{ACC7B3E9-708A-41A1-B9C5-BF68EE22B609}" type="sibTrans" cxnId="{58731066-92EF-42DC-B172-33358D847106}">
      <dgm:prSet/>
      <dgm:spPr/>
      <dgm:t>
        <a:bodyPr/>
        <a:lstStyle/>
        <a:p>
          <a:endParaRPr lang="da-DK"/>
        </a:p>
      </dgm:t>
    </dgm:pt>
    <dgm:pt modelId="{349888C4-AE5A-4D2B-88AA-2FBBDDA95BF3}" type="pres">
      <dgm:prSet presAssocID="{AB266ADE-03EB-48E6-88AD-36CCBF8A489F}" presName="linear" presStyleCnt="0">
        <dgm:presLayoutVars>
          <dgm:animLvl val="lvl"/>
          <dgm:resizeHandles val="exact"/>
        </dgm:presLayoutVars>
      </dgm:prSet>
      <dgm:spPr/>
    </dgm:pt>
    <dgm:pt modelId="{5A7324B7-748B-4C06-A4F2-E44F8E1818CE}" type="pres">
      <dgm:prSet presAssocID="{8A5A679A-09CD-4A44-87CE-4C4067AD2496}" presName="parentText" presStyleLbl="node1" presStyleIdx="0" presStyleCnt="6" custLinFactY="102684" custLinFactNeighborX="6751" custLinFactNeighborY="200000">
        <dgm:presLayoutVars>
          <dgm:chMax val="0"/>
          <dgm:bulletEnabled val="1"/>
        </dgm:presLayoutVars>
      </dgm:prSet>
      <dgm:spPr/>
    </dgm:pt>
    <dgm:pt modelId="{8FEC286E-F6CE-4715-9BF9-F3E603BC3A43}" type="pres">
      <dgm:prSet presAssocID="{8A5A679A-09CD-4A44-87CE-4C4067AD2496}" presName="childText" presStyleLbl="revTx" presStyleIdx="0" presStyleCnt="6">
        <dgm:presLayoutVars>
          <dgm:bulletEnabled val="1"/>
        </dgm:presLayoutVars>
      </dgm:prSet>
      <dgm:spPr/>
    </dgm:pt>
    <dgm:pt modelId="{5D3E137D-6FB0-4C4D-B9BF-2DFDA488CAA5}" type="pres">
      <dgm:prSet presAssocID="{A80041EA-D2C1-40B0-99CA-B5FFBC0C941E}" presName="parentText" presStyleLbl="node1" presStyleIdx="1" presStyleCnt="6" custLinFactY="100000" custLinFactNeighborY="133103">
        <dgm:presLayoutVars>
          <dgm:chMax val="0"/>
          <dgm:bulletEnabled val="1"/>
        </dgm:presLayoutVars>
      </dgm:prSet>
      <dgm:spPr/>
    </dgm:pt>
    <dgm:pt modelId="{7E6AFC16-BE57-4D7A-9952-497F87A03D5B}" type="pres">
      <dgm:prSet presAssocID="{A80041EA-D2C1-40B0-99CA-B5FFBC0C941E}" presName="childText" presStyleLbl="revTx" presStyleIdx="1" presStyleCnt="6">
        <dgm:presLayoutVars>
          <dgm:bulletEnabled val="1"/>
        </dgm:presLayoutVars>
      </dgm:prSet>
      <dgm:spPr/>
    </dgm:pt>
    <dgm:pt modelId="{382004F9-5236-4B43-8932-BD9F7C167116}" type="pres">
      <dgm:prSet presAssocID="{B337A866-68E7-4BA5-BB07-2489F2D413D9}" presName="parentText" presStyleLbl="node1" presStyleIdx="2" presStyleCnt="6" custLinFactY="84298" custLinFactNeighborY="100000">
        <dgm:presLayoutVars>
          <dgm:chMax val="0"/>
          <dgm:bulletEnabled val="1"/>
        </dgm:presLayoutVars>
      </dgm:prSet>
      <dgm:spPr/>
    </dgm:pt>
    <dgm:pt modelId="{BFD2D686-9670-4C7E-9F58-150BACFBF9C2}" type="pres">
      <dgm:prSet presAssocID="{B337A866-68E7-4BA5-BB07-2489F2D413D9}" presName="childText" presStyleLbl="revTx" presStyleIdx="2" presStyleCnt="6">
        <dgm:presLayoutVars>
          <dgm:bulletEnabled val="1"/>
        </dgm:presLayoutVars>
      </dgm:prSet>
      <dgm:spPr/>
    </dgm:pt>
    <dgm:pt modelId="{547DFF88-9187-4389-8070-3FD0430D3A1A}" type="pres">
      <dgm:prSet presAssocID="{53B360E3-9841-44CF-96D5-2D304E578905}" presName="parentText" presStyleLbl="node1" presStyleIdx="3" presStyleCnt="6" custLinFactY="56679" custLinFactNeighborY="100000">
        <dgm:presLayoutVars>
          <dgm:chMax val="0"/>
          <dgm:bulletEnabled val="1"/>
        </dgm:presLayoutVars>
      </dgm:prSet>
      <dgm:spPr/>
    </dgm:pt>
    <dgm:pt modelId="{DA42E5B5-4F49-4266-85CD-D4BA51608E87}" type="pres">
      <dgm:prSet presAssocID="{53B360E3-9841-44CF-96D5-2D304E578905}" presName="childText" presStyleLbl="revTx" presStyleIdx="3" presStyleCnt="6">
        <dgm:presLayoutVars>
          <dgm:bulletEnabled val="1"/>
        </dgm:presLayoutVars>
      </dgm:prSet>
      <dgm:spPr/>
    </dgm:pt>
    <dgm:pt modelId="{191B0AF3-48F0-4EE6-8FDA-A6B9271568DD}" type="pres">
      <dgm:prSet presAssocID="{525D4643-5A50-4F8C-A60B-4C69324FCABA}" presName="parentText" presStyleLbl="node1" presStyleIdx="4" presStyleCnt="6" custLinFactY="29059" custLinFactNeighborX="-452" custLinFactNeighborY="100000">
        <dgm:presLayoutVars>
          <dgm:chMax val="0"/>
          <dgm:bulletEnabled val="1"/>
        </dgm:presLayoutVars>
      </dgm:prSet>
      <dgm:spPr/>
    </dgm:pt>
    <dgm:pt modelId="{EF7A7B88-797C-41F5-B678-108D97E1ED34}" type="pres">
      <dgm:prSet presAssocID="{525D4643-5A50-4F8C-A60B-4C69324FCABA}" presName="childText" presStyleLbl="revTx" presStyleIdx="4" presStyleCnt="6">
        <dgm:presLayoutVars>
          <dgm:bulletEnabled val="1"/>
        </dgm:presLayoutVars>
      </dgm:prSet>
      <dgm:spPr/>
    </dgm:pt>
    <dgm:pt modelId="{13EB7C86-22FD-4168-9EE4-6A7B7710E165}" type="pres">
      <dgm:prSet presAssocID="{E8BF1A60-E68F-42BF-B672-67DE00411226}" presName="parentText" presStyleLbl="node1" presStyleIdx="5" presStyleCnt="6" custLinFactY="1439" custLinFactNeighborY="100000">
        <dgm:presLayoutVars>
          <dgm:chMax val="0"/>
          <dgm:bulletEnabled val="1"/>
        </dgm:presLayoutVars>
      </dgm:prSet>
      <dgm:spPr/>
    </dgm:pt>
    <dgm:pt modelId="{6EFFBB27-AEE7-4004-95FE-C1AB0F5CCC00}" type="pres">
      <dgm:prSet presAssocID="{E8BF1A60-E68F-42BF-B672-67DE00411226}" presName="childText" presStyleLbl="revTx" presStyleIdx="5" presStyleCnt="6">
        <dgm:presLayoutVars>
          <dgm:bulletEnabled val="1"/>
        </dgm:presLayoutVars>
      </dgm:prSet>
      <dgm:spPr/>
    </dgm:pt>
  </dgm:ptLst>
  <dgm:cxnLst>
    <dgm:cxn modelId="{120EFC0C-5489-4206-8DC5-F47E23A87481}" type="presOf" srcId="{AB266ADE-03EB-48E6-88AD-36CCBF8A489F}" destId="{349888C4-AE5A-4D2B-88AA-2FBBDDA95BF3}" srcOrd="0" destOrd="0" presId="urn:microsoft.com/office/officeart/2005/8/layout/vList2"/>
    <dgm:cxn modelId="{285A0712-398D-4560-B549-B23127885A15}" type="presOf" srcId="{B1210CA0-AB95-45B1-9A93-C646B2154DD7}" destId="{6EFFBB27-AEE7-4004-95FE-C1AB0F5CCC00}" srcOrd="0" destOrd="0" presId="urn:microsoft.com/office/officeart/2005/8/layout/vList2"/>
    <dgm:cxn modelId="{20C4A324-FCD6-4E58-9195-D4DB5CEC1D5E}" srcId="{8A5A679A-09CD-4A44-87CE-4C4067AD2496}" destId="{09150E0D-9BD9-4E3F-B7E6-9D1491805087}" srcOrd="0" destOrd="0" parTransId="{E7136299-1DF7-4DBD-8659-A9405BC084F5}" sibTransId="{347E726D-E4B5-4A1F-A5EA-E0BA7091A1E3}"/>
    <dgm:cxn modelId="{DB327A2B-1A60-4762-863A-53099C3769B2}" srcId="{AB266ADE-03EB-48E6-88AD-36CCBF8A489F}" destId="{B337A866-68E7-4BA5-BB07-2489F2D413D9}" srcOrd="2" destOrd="0" parTransId="{6C07DA17-6120-4687-A91D-AE27CE392AAD}" sibTransId="{EE1A16E1-C6CA-4932-A256-5DEF07317070}"/>
    <dgm:cxn modelId="{FC625431-1AC7-49F9-88FE-8C8F4F2E8042}" type="presOf" srcId="{5B8A5ADC-0471-42E9-A5D3-2024B764B3EE}" destId="{DA42E5B5-4F49-4266-85CD-D4BA51608E87}" srcOrd="0" destOrd="0" presId="urn:microsoft.com/office/officeart/2005/8/layout/vList2"/>
    <dgm:cxn modelId="{553D0D3A-6078-4636-9ADB-099C203A8D07}" type="presOf" srcId="{B337A866-68E7-4BA5-BB07-2489F2D413D9}" destId="{382004F9-5236-4B43-8932-BD9F7C167116}" srcOrd="0" destOrd="0" presId="urn:microsoft.com/office/officeart/2005/8/layout/vList2"/>
    <dgm:cxn modelId="{27BC8D3E-031C-40D3-BFCD-8D308299B7A0}" srcId="{E8BF1A60-E68F-42BF-B672-67DE00411226}" destId="{B1210CA0-AB95-45B1-9A93-C646B2154DD7}" srcOrd="0" destOrd="0" parTransId="{B1480EDB-CF78-43D0-8F8C-7D334C2457E2}" sibTransId="{7DEA1D6D-FC50-4B2E-848C-97296BE315D5}"/>
    <dgm:cxn modelId="{91288D3F-23C7-4FC3-9A66-BA6418D8082F}" type="presOf" srcId="{448664F3-09E3-4E2B-A317-D381DA2020CD}" destId="{BFD2D686-9670-4C7E-9F58-150BACFBF9C2}" srcOrd="0" destOrd="0" presId="urn:microsoft.com/office/officeart/2005/8/layout/vList2"/>
    <dgm:cxn modelId="{0A6E405C-2354-49AA-A906-A121A9094BE0}" type="presOf" srcId="{09150E0D-9BD9-4E3F-B7E6-9D1491805087}" destId="{8FEC286E-F6CE-4715-9BF9-F3E603BC3A43}" srcOrd="0" destOrd="0" presId="urn:microsoft.com/office/officeart/2005/8/layout/vList2"/>
    <dgm:cxn modelId="{383B4A5C-486E-4490-B278-662D9469A27E}" type="presOf" srcId="{E8BF1A60-E68F-42BF-B672-67DE00411226}" destId="{13EB7C86-22FD-4168-9EE4-6A7B7710E165}" srcOrd="0" destOrd="0" presId="urn:microsoft.com/office/officeart/2005/8/layout/vList2"/>
    <dgm:cxn modelId="{58731066-92EF-42DC-B172-33358D847106}" srcId="{53B360E3-9841-44CF-96D5-2D304E578905}" destId="{5B8A5ADC-0471-42E9-A5D3-2024B764B3EE}" srcOrd="0" destOrd="0" parTransId="{EEB5F832-6D5C-4773-8326-5BF30EFB3794}" sibTransId="{ACC7B3E9-708A-41A1-B9C5-BF68EE22B609}"/>
    <dgm:cxn modelId="{E458986F-1890-40C3-958E-4A685002321B}" srcId="{525D4643-5A50-4F8C-A60B-4C69324FCABA}" destId="{F7AF3AB4-E142-4596-88A6-F0BEEA804612}" srcOrd="0" destOrd="0" parTransId="{B296F34E-ECB5-42CA-B9E6-BEC5E16B58C7}" sibTransId="{5B59E7ED-FC8C-45A3-B4AE-85099C84F578}"/>
    <dgm:cxn modelId="{C387B075-B679-4CAB-8060-A03FD9604C1F}" type="presOf" srcId="{525D4643-5A50-4F8C-A60B-4C69324FCABA}" destId="{191B0AF3-48F0-4EE6-8FDA-A6B9271568DD}" srcOrd="0" destOrd="0" presId="urn:microsoft.com/office/officeart/2005/8/layout/vList2"/>
    <dgm:cxn modelId="{FC19157F-2ECF-41B3-94A3-D1CCFBEDD505}" srcId="{AB266ADE-03EB-48E6-88AD-36CCBF8A489F}" destId="{A80041EA-D2C1-40B0-99CA-B5FFBC0C941E}" srcOrd="1" destOrd="0" parTransId="{1DF6416D-D4DD-4E25-90DE-90AB593AC909}" sibTransId="{DACCB5F2-FFD3-4EE6-B491-DF2C9555525B}"/>
    <dgm:cxn modelId="{43E86E94-8BDC-4FCA-8750-DF1325BBE9AC}" srcId="{B337A866-68E7-4BA5-BB07-2489F2D413D9}" destId="{448664F3-09E3-4E2B-A317-D381DA2020CD}" srcOrd="0" destOrd="0" parTransId="{964DEC5D-9DE6-4DCB-B5A4-757C2ACA8667}" sibTransId="{3C163D9B-6C15-43D8-A470-62B9D1C934E4}"/>
    <dgm:cxn modelId="{A3B5BB9B-562B-4873-A296-539D8F6545EA}" srcId="{AB266ADE-03EB-48E6-88AD-36CCBF8A489F}" destId="{8A5A679A-09CD-4A44-87CE-4C4067AD2496}" srcOrd="0" destOrd="0" parTransId="{76FED320-740F-4E76-A23D-2F7ED58B9AB6}" sibTransId="{E2ADCD6B-CD6A-445C-94A8-FDCACA33E399}"/>
    <dgm:cxn modelId="{C0F2D7A9-4210-4053-AD6E-BB8CFAE7D2AD}" srcId="{AB266ADE-03EB-48E6-88AD-36CCBF8A489F}" destId="{E8BF1A60-E68F-42BF-B672-67DE00411226}" srcOrd="5" destOrd="0" parTransId="{68D28FC4-639B-40BC-B0F6-CFCA62657DDE}" sibTransId="{F1C10B82-CACB-4F8F-863C-B47D017BA8C3}"/>
    <dgm:cxn modelId="{F80587C8-FCE6-4FC3-B285-BA812BC206C5}" type="presOf" srcId="{8A5A679A-09CD-4A44-87CE-4C4067AD2496}" destId="{5A7324B7-748B-4C06-A4F2-E44F8E1818CE}" srcOrd="0" destOrd="0" presId="urn:microsoft.com/office/officeart/2005/8/layout/vList2"/>
    <dgm:cxn modelId="{36464DCA-C3E2-400C-A30A-4471E124C1BC}" type="presOf" srcId="{F7AF3AB4-E142-4596-88A6-F0BEEA804612}" destId="{EF7A7B88-797C-41F5-B678-108D97E1ED34}" srcOrd="0" destOrd="0" presId="urn:microsoft.com/office/officeart/2005/8/layout/vList2"/>
    <dgm:cxn modelId="{2FC7E1CE-8216-4A3C-8370-F8846BD3A825}" type="presOf" srcId="{53B360E3-9841-44CF-96D5-2D304E578905}" destId="{547DFF88-9187-4389-8070-3FD0430D3A1A}" srcOrd="0" destOrd="0" presId="urn:microsoft.com/office/officeart/2005/8/layout/vList2"/>
    <dgm:cxn modelId="{FE529BD4-31E3-42F9-BC74-15DC2C063D7C}" srcId="{AB266ADE-03EB-48E6-88AD-36CCBF8A489F}" destId="{525D4643-5A50-4F8C-A60B-4C69324FCABA}" srcOrd="4" destOrd="0" parTransId="{8E2F2BEE-0EE0-48CA-8DBF-CAAF7B175ECB}" sibTransId="{1937A5DA-C2C3-4C2F-B665-E186CCE63395}"/>
    <dgm:cxn modelId="{E2E208DE-C862-455E-BD17-E2C7FF6E8792}" srcId="{A80041EA-D2C1-40B0-99CA-B5FFBC0C941E}" destId="{69302D9E-FBE0-4581-85FF-145BC3EB4B70}" srcOrd="0" destOrd="0" parTransId="{32D0D582-ADDD-41D0-818C-9D41B1351962}" sibTransId="{F19E7B83-FB37-4C38-AD9C-D759467BF54D}"/>
    <dgm:cxn modelId="{F3DF75E9-014F-495A-BB92-9820ECCAA848}" type="presOf" srcId="{69302D9E-FBE0-4581-85FF-145BC3EB4B70}" destId="{7E6AFC16-BE57-4D7A-9952-497F87A03D5B}" srcOrd="0" destOrd="0" presId="urn:microsoft.com/office/officeart/2005/8/layout/vList2"/>
    <dgm:cxn modelId="{1442EFEC-DA0B-4CF6-8871-56FBFA4B3E5A}" srcId="{AB266ADE-03EB-48E6-88AD-36CCBF8A489F}" destId="{53B360E3-9841-44CF-96D5-2D304E578905}" srcOrd="3" destOrd="0" parTransId="{F5DD202E-8B47-4715-8D81-A2EE8266F5D7}" sibTransId="{50986507-C296-4D9D-80EA-D507ABFDBEDD}"/>
    <dgm:cxn modelId="{D49BBFF4-EFDE-4D8F-9480-6A8A06A8B09C}" type="presOf" srcId="{A80041EA-D2C1-40B0-99CA-B5FFBC0C941E}" destId="{5D3E137D-6FB0-4C4D-B9BF-2DFDA488CAA5}" srcOrd="0" destOrd="0" presId="urn:microsoft.com/office/officeart/2005/8/layout/vList2"/>
    <dgm:cxn modelId="{389D8865-4364-4EA1-B91F-96BA9372138D}" type="presParOf" srcId="{349888C4-AE5A-4D2B-88AA-2FBBDDA95BF3}" destId="{5A7324B7-748B-4C06-A4F2-E44F8E1818CE}" srcOrd="0" destOrd="0" presId="urn:microsoft.com/office/officeart/2005/8/layout/vList2"/>
    <dgm:cxn modelId="{7D293C96-93F7-4724-AA92-4E8A0B0E0C3C}" type="presParOf" srcId="{349888C4-AE5A-4D2B-88AA-2FBBDDA95BF3}" destId="{8FEC286E-F6CE-4715-9BF9-F3E603BC3A43}" srcOrd="1" destOrd="0" presId="urn:microsoft.com/office/officeart/2005/8/layout/vList2"/>
    <dgm:cxn modelId="{491BE4AF-026D-48F8-BF3A-2CDF55E5A7D2}" type="presParOf" srcId="{349888C4-AE5A-4D2B-88AA-2FBBDDA95BF3}" destId="{5D3E137D-6FB0-4C4D-B9BF-2DFDA488CAA5}" srcOrd="2" destOrd="0" presId="urn:microsoft.com/office/officeart/2005/8/layout/vList2"/>
    <dgm:cxn modelId="{C707C2C8-E051-4F25-A3A4-7138417216E6}" type="presParOf" srcId="{349888C4-AE5A-4D2B-88AA-2FBBDDA95BF3}" destId="{7E6AFC16-BE57-4D7A-9952-497F87A03D5B}" srcOrd="3" destOrd="0" presId="urn:microsoft.com/office/officeart/2005/8/layout/vList2"/>
    <dgm:cxn modelId="{8F6DC821-1B67-4C7D-ACA9-B1BBC8EFB62A}" type="presParOf" srcId="{349888C4-AE5A-4D2B-88AA-2FBBDDA95BF3}" destId="{382004F9-5236-4B43-8932-BD9F7C167116}" srcOrd="4" destOrd="0" presId="urn:microsoft.com/office/officeart/2005/8/layout/vList2"/>
    <dgm:cxn modelId="{243B1355-B0BA-4FDA-99C0-ECFACD6D3533}" type="presParOf" srcId="{349888C4-AE5A-4D2B-88AA-2FBBDDA95BF3}" destId="{BFD2D686-9670-4C7E-9F58-150BACFBF9C2}" srcOrd="5" destOrd="0" presId="urn:microsoft.com/office/officeart/2005/8/layout/vList2"/>
    <dgm:cxn modelId="{87A06208-FBB0-4519-8F96-8CCA43959933}" type="presParOf" srcId="{349888C4-AE5A-4D2B-88AA-2FBBDDA95BF3}" destId="{547DFF88-9187-4389-8070-3FD0430D3A1A}" srcOrd="6" destOrd="0" presId="urn:microsoft.com/office/officeart/2005/8/layout/vList2"/>
    <dgm:cxn modelId="{D1073C93-8161-4262-BFEB-AAD33A0BBC4F}" type="presParOf" srcId="{349888C4-AE5A-4D2B-88AA-2FBBDDA95BF3}" destId="{DA42E5B5-4F49-4266-85CD-D4BA51608E87}" srcOrd="7" destOrd="0" presId="urn:microsoft.com/office/officeart/2005/8/layout/vList2"/>
    <dgm:cxn modelId="{2F20830F-B2EE-4AF2-8E55-CA6F317F0014}" type="presParOf" srcId="{349888C4-AE5A-4D2B-88AA-2FBBDDA95BF3}" destId="{191B0AF3-48F0-4EE6-8FDA-A6B9271568DD}" srcOrd="8" destOrd="0" presId="urn:microsoft.com/office/officeart/2005/8/layout/vList2"/>
    <dgm:cxn modelId="{FA78917C-C032-4CD4-8AB3-DD4A90A3CD8D}" type="presParOf" srcId="{349888C4-AE5A-4D2B-88AA-2FBBDDA95BF3}" destId="{EF7A7B88-797C-41F5-B678-108D97E1ED34}" srcOrd="9" destOrd="0" presId="urn:microsoft.com/office/officeart/2005/8/layout/vList2"/>
    <dgm:cxn modelId="{CB7C6C0E-A40F-4F4D-A5F9-E8F68A9A2CBB}" type="presParOf" srcId="{349888C4-AE5A-4D2B-88AA-2FBBDDA95BF3}" destId="{13EB7C86-22FD-4168-9EE4-6A7B7710E165}" srcOrd="10" destOrd="0" presId="urn:microsoft.com/office/officeart/2005/8/layout/vList2"/>
    <dgm:cxn modelId="{D9F1CA63-48DA-482A-9AF5-0A798880F938}" type="presParOf" srcId="{349888C4-AE5A-4D2B-88AA-2FBBDDA95BF3}" destId="{6EFFBB27-AEE7-4004-95FE-C1AB0F5CCC00}" srcOrd="11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AB266ADE-03EB-48E6-88AD-36CCBF8A489F}" type="doc">
      <dgm:prSet loTypeId="urn:microsoft.com/office/officeart/2005/8/layout/vList2" loCatId="list" qsTypeId="urn:microsoft.com/office/officeart/2005/8/quickstyle/simple1" qsCatId="simple" csTypeId="urn:microsoft.com/office/officeart/2005/8/colors/colorful5" csCatId="colorful" phldr="1"/>
      <dgm:spPr/>
      <dgm:t>
        <a:bodyPr/>
        <a:lstStyle/>
        <a:p>
          <a:endParaRPr lang="da-DK"/>
        </a:p>
      </dgm:t>
    </dgm:pt>
    <dgm:pt modelId="{A80041EA-D2C1-40B0-99CA-B5FFBC0C941E}">
      <dgm:prSet phldrT="[Tekst]" custT="1"/>
      <dgm:spPr>
        <a:solidFill>
          <a:schemeClr val="accent1"/>
        </a:solidFill>
        <a:ln>
          <a:prstDash val="dash"/>
        </a:ln>
      </dgm:spPr>
      <dgm:t>
        <a:bodyPr/>
        <a:lstStyle/>
        <a:p>
          <a:r>
            <a:rPr lang="da-DK" sz="2400" dirty="0"/>
            <a:t>Uønsket kemi </a:t>
          </a:r>
        </a:p>
      </dgm:t>
    </dgm:pt>
    <dgm:pt modelId="{DACCB5F2-FFD3-4EE6-B491-DF2C9555525B}" type="sibTrans" cxnId="{FC19157F-2ECF-41B3-94A3-D1CCFBEDD505}">
      <dgm:prSet/>
      <dgm:spPr/>
      <dgm:t>
        <a:bodyPr/>
        <a:lstStyle/>
        <a:p>
          <a:endParaRPr lang="da-DK"/>
        </a:p>
      </dgm:t>
    </dgm:pt>
    <dgm:pt modelId="{1DF6416D-D4DD-4E25-90DE-90AB593AC909}" type="parTrans" cxnId="{FC19157F-2ECF-41B3-94A3-D1CCFBEDD505}">
      <dgm:prSet/>
      <dgm:spPr/>
      <dgm:t>
        <a:bodyPr/>
        <a:lstStyle/>
        <a:p>
          <a:endParaRPr lang="da-DK"/>
        </a:p>
      </dgm:t>
    </dgm:pt>
    <dgm:pt modelId="{8A5A679A-09CD-4A44-87CE-4C4067AD2496}">
      <dgm:prSet phldrT="[Tekst]" custT="1"/>
      <dgm:spPr>
        <a:solidFill>
          <a:schemeClr val="accent1"/>
        </a:solidFill>
        <a:ln>
          <a:prstDash val="dash"/>
        </a:ln>
      </dgm:spPr>
      <dgm:t>
        <a:bodyPr/>
        <a:lstStyle/>
        <a:p>
          <a:r>
            <a:rPr lang="da-DK" sz="2400" dirty="0"/>
            <a:t>Sammen om bæredygtigt forbrug</a:t>
          </a:r>
        </a:p>
      </dgm:t>
    </dgm:pt>
    <dgm:pt modelId="{E2ADCD6B-CD6A-445C-94A8-FDCACA33E399}" type="sibTrans" cxnId="{A3B5BB9B-562B-4873-A296-539D8F6545EA}">
      <dgm:prSet/>
      <dgm:spPr/>
      <dgm:t>
        <a:bodyPr/>
        <a:lstStyle/>
        <a:p>
          <a:endParaRPr lang="da-DK"/>
        </a:p>
      </dgm:t>
    </dgm:pt>
    <dgm:pt modelId="{76FED320-740F-4E76-A23D-2F7ED58B9AB6}" type="parTrans" cxnId="{A3B5BB9B-562B-4873-A296-539D8F6545EA}">
      <dgm:prSet/>
      <dgm:spPr/>
      <dgm:t>
        <a:bodyPr/>
        <a:lstStyle/>
        <a:p>
          <a:endParaRPr lang="da-DK"/>
        </a:p>
      </dgm:t>
    </dgm:pt>
    <dgm:pt modelId="{09150E0D-9BD9-4E3F-B7E6-9D1491805087}">
      <dgm:prSet custT="1"/>
      <dgm:spPr/>
      <dgm:t>
        <a:bodyPr/>
        <a:lstStyle/>
        <a:p>
          <a:pPr algn="l">
            <a:buFont typeface="Arial" panose="020B0604020202020204" pitchFamily="34" charset="0"/>
            <a:buNone/>
          </a:pPr>
          <a:endParaRPr lang="da-DK" sz="2000" dirty="0"/>
        </a:p>
      </dgm:t>
    </dgm:pt>
    <dgm:pt modelId="{E7136299-1DF7-4DBD-8659-A9405BC084F5}" type="parTrans" cxnId="{20C4A324-FCD6-4E58-9195-D4DB5CEC1D5E}">
      <dgm:prSet/>
      <dgm:spPr/>
      <dgm:t>
        <a:bodyPr/>
        <a:lstStyle/>
        <a:p>
          <a:endParaRPr lang="da-DK"/>
        </a:p>
      </dgm:t>
    </dgm:pt>
    <dgm:pt modelId="{347E726D-E4B5-4A1F-A5EA-E0BA7091A1E3}" type="sibTrans" cxnId="{20C4A324-FCD6-4E58-9195-D4DB5CEC1D5E}">
      <dgm:prSet/>
      <dgm:spPr/>
      <dgm:t>
        <a:bodyPr/>
        <a:lstStyle/>
        <a:p>
          <a:endParaRPr lang="da-DK"/>
        </a:p>
      </dgm:t>
    </dgm:pt>
    <dgm:pt modelId="{69302D9E-FBE0-4581-85FF-145BC3EB4B70}">
      <dgm:prSet/>
      <dgm:spPr/>
      <dgm:t>
        <a:bodyPr/>
        <a:lstStyle/>
        <a:p>
          <a:endParaRPr lang="da-DK" dirty="0"/>
        </a:p>
      </dgm:t>
    </dgm:pt>
    <dgm:pt modelId="{32D0D582-ADDD-41D0-818C-9D41B1351962}" type="parTrans" cxnId="{E2E208DE-C862-455E-BD17-E2C7FF6E8792}">
      <dgm:prSet/>
      <dgm:spPr/>
      <dgm:t>
        <a:bodyPr/>
        <a:lstStyle/>
        <a:p>
          <a:endParaRPr lang="da-DK"/>
        </a:p>
      </dgm:t>
    </dgm:pt>
    <dgm:pt modelId="{F19E7B83-FB37-4C38-AD9C-D759467BF54D}" type="sibTrans" cxnId="{E2E208DE-C862-455E-BD17-E2C7FF6E8792}">
      <dgm:prSet/>
      <dgm:spPr/>
      <dgm:t>
        <a:bodyPr/>
        <a:lstStyle/>
        <a:p>
          <a:endParaRPr lang="da-DK"/>
        </a:p>
      </dgm:t>
    </dgm:pt>
    <dgm:pt modelId="{349888C4-AE5A-4D2B-88AA-2FBBDDA95BF3}" type="pres">
      <dgm:prSet presAssocID="{AB266ADE-03EB-48E6-88AD-36CCBF8A489F}" presName="linear" presStyleCnt="0">
        <dgm:presLayoutVars>
          <dgm:animLvl val="lvl"/>
          <dgm:resizeHandles val="exact"/>
        </dgm:presLayoutVars>
      </dgm:prSet>
      <dgm:spPr/>
    </dgm:pt>
    <dgm:pt modelId="{5D3E137D-6FB0-4C4D-B9BF-2DFDA488CAA5}" type="pres">
      <dgm:prSet presAssocID="{A80041EA-D2C1-40B0-99CA-B5FFBC0C941E}" presName="parentText" presStyleLbl="node1" presStyleIdx="0" presStyleCnt="2" custScaleX="68318" custLinFactNeighborX="29" custLinFactNeighborY="31915">
        <dgm:presLayoutVars>
          <dgm:chMax val="0"/>
          <dgm:bulletEnabled val="1"/>
        </dgm:presLayoutVars>
      </dgm:prSet>
      <dgm:spPr/>
    </dgm:pt>
    <dgm:pt modelId="{7E6AFC16-BE57-4D7A-9952-497F87A03D5B}" type="pres">
      <dgm:prSet presAssocID="{A80041EA-D2C1-40B0-99CA-B5FFBC0C941E}" presName="childText" presStyleLbl="revTx" presStyleIdx="0" presStyleCnt="2">
        <dgm:presLayoutVars>
          <dgm:bulletEnabled val="1"/>
        </dgm:presLayoutVars>
      </dgm:prSet>
      <dgm:spPr/>
    </dgm:pt>
    <dgm:pt modelId="{5A7324B7-748B-4C06-A4F2-E44F8E1818CE}" type="pres">
      <dgm:prSet presAssocID="{8A5A679A-09CD-4A44-87CE-4C4067AD2496}" presName="parentText" presStyleLbl="node1" presStyleIdx="1" presStyleCnt="2" custScaleX="68104" custScaleY="141127">
        <dgm:presLayoutVars>
          <dgm:chMax val="0"/>
          <dgm:bulletEnabled val="1"/>
        </dgm:presLayoutVars>
      </dgm:prSet>
      <dgm:spPr/>
    </dgm:pt>
    <dgm:pt modelId="{8FEC286E-F6CE-4715-9BF9-F3E603BC3A43}" type="pres">
      <dgm:prSet presAssocID="{8A5A679A-09CD-4A44-87CE-4C4067AD2496}" presName="childText" presStyleLbl="revTx" presStyleIdx="1" presStyleCnt="2">
        <dgm:presLayoutVars>
          <dgm:bulletEnabled val="1"/>
        </dgm:presLayoutVars>
      </dgm:prSet>
      <dgm:spPr/>
    </dgm:pt>
  </dgm:ptLst>
  <dgm:cxnLst>
    <dgm:cxn modelId="{120EFC0C-5489-4206-8DC5-F47E23A87481}" type="presOf" srcId="{AB266ADE-03EB-48E6-88AD-36CCBF8A489F}" destId="{349888C4-AE5A-4D2B-88AA-2FBBDDA95BF3}" srcOrd="0" destOrd="0" presId="urn:microsoft.com/office/officeart/2005/8/layout/vList2"/>
    <dgm:cxn modelId="{20C4A324-FCD6-4E58-9195-D4DB5CEC1D5E}" srcId="{8A5A679A-09CD-4A44-87CE-4C4067AD2496}" destId="{09150E0D-9BD9-4E3F-B7E6-9D1491805087}" srcOrd="0" destOrd="0" parTransId="{E7136299-1DF7-4DBD-8659-A9405BC084F5}" sibTransId="{347E726D-E4B5-4A1F-A5EA-E0BA7091A1E3}"/>
    <dgm:cxn modelId="{1380C129-82C2-424E-A461-C85C16B1D3BD}" type="presOf" srcId="{A80041EA-D2C1-40B0-99CA-B5FFBC0C941E}" destId="{5D3E137D-6FB0-4C4D-B9BF-2DFDA488CAA5}" srcOrd="0" destOrd="0" presId="urn:microsoft.com/office/officeart/2005/8/layout/vList2"/>
    <dgm:cxn modelId="{9D96124C-3812-4B27-8B8D-9E897A87F94E}" type="presOf" srcId="{69302D9E-FBE0-4581-85FF-145BC3EB4B70}" destId="{7E6AFC16-BE57-4D7A-9952-497F87A03D5B}" srcOrd="0" destOrd="0" presId="urn:microsoft.com/office/officeart/2005/8/layout/vList2"/>
    <dgm:cxn modelId="{FC19157F-2ECF-41B3-94A3-D1CCFBEDD505}" srcId="{AB266ADE-03EB-48E6-88AD-36CCBF8A489F}" destId="{A80041EA-D2C1-40B0-99CA-B5FFBC0C941E}" srcOrd="0" destOrd="0" parTransId="{1DF6416D-D4DD-4E25-90DE-90AB593AC909}" sibTransId="{DACCB5F2-FFD3-4EE6-B491-DF2C9555525B}"/>
    <dgm:cxn modelId="{A3B5BB9B-562B-4873-A296-539D8F6545EA}" srcId="{AB266ADE-03EB-48E6-88AD-36CCBF8A489F}" destId="{8A5A679A-09CD-4A44-87CE-4C4067AD2496}" srcOrd="1" destOrd="0" parTransId="{76FED320-740F-4E76-A23D-2F7ED58B9AB6}" sibTransId="{E2ADCD6B-CD6A-445C-94A8-FDCACA33E399}"/>
    <dgm:cxn modelId="{9796CEA9-CF9D-421D-B012-48B36B2FFB62}" type="presOf" srcId="{09150E0D-9BD9-4E3F-B7E6-9D1491805087}" destId="{8FEC286E-F6CE-4715-9BF9-F3E603BC3A43}" srcOrd="0" destOrd="0" presId="urn:microsoft.com/office/officeart/2005/8/layout/vList2"/>
    <dgm:cxn modelId="{E2E208DE-C862-455E-BD17-E2C7FF6E8792}" srcId="{A80041EA-D2C1-40B0-99CA-B5FFBC0C941E}" destId="{69302D9E-FBE0-4581-85FF-145BC3EB4B70}" srcOrd="0" destOrd="0" parTransId="{32D0D582-ADDD-41D0-818C-9D41B1351962}" sibTransId="{F19E7B83-FB37-4C38-AD9C-D759467BF54D}"/>
    <dgm:cxn modelId="{D18872F2-4902-41B4-8F47-82DF95D8241F}" type="presOf" srcId="{8A5A679A-09CD-4A44-87CE-4C4067AD2496}" destId="{5A7324B7-748B-4C06-A4F2-E44F8E1818CE}" srcOrd="0" destOrd="0" presId="urn:microsoft.com/office/officeart/2005/8/layout/vList2"/>
    <dgm:cxn modelId="{AE339428-5719-4277-8E6A-83657B6600AB}" type="presParOf" srcId="{349888C4-AE5A-4D2B-88AA-2FBBDDA95BF3}" destId="{5D3E137D-6FB0-4C4D-B9BF-2DFDA488CAA5}" srcOrd="0" destOrd="0" presId="urn:microsoft.com/office/officeart/2005/8/layout/vList2"/>
    <dgm:cxn modelId="{128BE57A-47EB-44E9-9283-E5D0A22C1440}" type="presParOf" srcId="{349888C4-AE5A-4D2B-88AA-2FBBDDA95BF3}" destId="{7E6AFC16-BE57-4D7A-9952-497F87A03D5B}" srcOrd="1" destOrd="0" presId="urn:microsoft.com/office/officeart/2005/8/layout/vList2"/>
    <dgm:cxn modelId="{2D4B4647-ED44-49EB-831E-57D4AFDDBE00}" type="presParOf" srcId="{349888C4-AE5A-4D2B-88AA-2FBBDDA95BF3}" destId="{5A7324B7-748B-4C06-A4F2-E44F8E1818CE}" srcOrd="2" destOrd="0" presId="urn:microsoft.com/office/officeart/2005/8/layout/vList2"/>
    <dgm:cxn modelId="{72E35492-7175-47EE-B3B0-30CB6176CA08}" type="presParOf" srcId="{349888C4-AE5A-4D2B-88AA-2FBBDDA95BF3}" destId="{8FEC286E-F6CE-4715-9BF9-F3E603BC3A43}" srcOrd="3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12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CBC2BAF-F5BE-4F32-8D6D-96BD2CCC177A}">
      <dsp:nvSpPr>
        <dsp:cNvPr id="0" name=""/>
        <dsp:cNvSpPr/>
      </dsp:nvSpPr>
      <dsp:spPr>
        <a:xfrm>
          <a:off x="3970697" y="720080"/>
          <a:ext cx="2221986" cy="98439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7780" tIns="17780" rIns="17780" bIns="17780" numCol="1" spcCol="1270" anchor="ctr" anchorCtr="0">
          <a:noAutofit/>
        </a:bodyPr>
        <a:lstStyle/>
        <a:p>
          <a:pPr marL="0" lvl="0" indent="0" algn="ctr" defTabSz="622300">
            <a:lnSpc>
              <a:spcPct val="100000"/>
            </a:lnSpc>
            <a:spcBef>
              <a:spcPct val="0"/>
            </a:spcBef>
            <a:spcAft>
              <a:spcPts val="200"/>
            </a:spcAft>
            <a:buNone/>
          </a:pPr>
          <a:r>
            <a:rPr lang="da-DK" sz="1400" b="1" kern="1200" dirty="0"/>
            <a:t>Årlige handlingsplaner</a:t>
          </a:r>
          <a:r>
            <a:rPr lang="da-DK" sz="1100" kern="1200" dirty="0"/>
            <a:t> </a:t>
          </a:r>
        </a:p>
        <a:p>
          <a:pPr marL="0" lvl="0" indent="0" algn="ctr" defTabSz="622300">
            <a:lnSpc>
              <a:spcPct val="100000"/>
            </a:lnSpc>
            <a:spcBef>
              <a:spcPct val="0"/>
            </a:spcBef>
            <a:spcAft>
              <a:spcPts val="200"/>
            </a:spcAft>
            <a:buNone/>
          </a:pPr>
          <a:r>
            <a:rPr lang="da-DK" sz="1100" kern="1200" dirty="0"/>
            <a:t>December </a:t>
          </a:r>
        </a:p>
      </dsp:txBody>
      <dsp:txXfrm>
        <a:off x="3970697" y="720080"/>
        <a:ext cx="2221986" cy="984398"/>
      </dsp:txXfrm>
    </dsp:sp>
    <dsp:sp modelId="{ACF6E048-7DE3-4EA3-ADAD-59B3465D65FA}">
      <dsp:nvSpPr>
        <dsp:cNvPr id="0" name=""/>
        <dsp:cNvSpPr/>
      </dsp:nvSpPr>
      <dsp:spPr>
        <a:xfrm>
          <a:off x="1202329" y="-10517"/>
          <a:ext cx="4549324" cy="4549324"/>
        </a:xfrm>
        <a:prstGeom prst="circularArrow">
          <a:avLst>
            <a:gd name="adj1" fmla="val 6908"/>
            <a:gd name="adj2" fmla="val 465833"/>
            <a:gd name="adj3" fmla="val 1206444"/>
            <a:gd name="adj4" fmla="val 20590847"/>
            <a:gd name="adj5" fmla="val 8059"/>
          </a:avLst>
        </a:prstGeom>
        <a:solidFill>
          <a:srgbClr val="1E3263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D2CEDA2C-E4F7-4857-BB8A-8F5414343CEA}">
      <dsp:nvSpPr>
        <dsp:cNvPr id="0" name=""/>
        <dsp:cNvSpPr/>
      </dsp:nvSpPr>
      <dsp:spPr>
        <a:xfrm>
          <a:off x="4032449" y="3168357"/>
          <a:ext cx="1701309" cy="81058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7780" tIns="17780" rIns="17780" bIns="17780" numCol="1" spcCol="1270" anchor="ctr" anchorCtr="0">
          <a:noAutofit/>
        </a:bodyPr>
        <a:lstStyle/>
        <a:p>
          <a:pPr marL="0" lvl="0" indent="0" algn="ctr" defTabSz="622300">
            <a:lnSpc>
              <a:spcPct val="100000"/>
            </a:lnSpc>
            <a:spcBef>
              <a:spcPct val="0"/>
            </a:spcBef>
            <a:spcAft>
              <a:spcPts val="200"/>
            </a:spcAft>
            <a:buNone/>
          </a:pPr>
          <a:r>
            <a:rPr lang="da-DK" sz="1400" b="1" kern="1200" dirty="0"/>
            <a:t>Klimaregnskab</a:t>
          </a:r>
          <a:r>
            <a:rPr lang="da-DK" sz="1400" kern="1200" dirty="0"/>
            <a:t> </a:t>
          </a:r>
        </a:p>
        <a:p>
          <a:pPr marL="0" lvl="0" indent="0" algn="ctr" defTabSz="622300">
            <a:lnSpc>
              <a:spcPct val="100000"/>
            </a:lnSpc>
            <a:spcBef>
              <a:spcPct val="0"/>
            </a:spcBef>
            <a:spcAft>
              <a:spcPts val="200"/>
            </a:spcAft>
            <a:buNone/>
          </a:pPr>
          <a:r>
            <a:rPr lang="da-DK" sz="1400" kern="1200" dirty="0"/>
            <a:t>og </a:t>
          </a:r>
          <a:r>
            <a:rPr lang="da-DK" sz="1400" b="1" kern="1200" dirty="0"/>
            <a:t>koncernstatus</a:t>
          </a:r>
        </a:p>
        <a:p>
          <a:pPr marL="0" lvl="0" indent="0" algn="ctr" defTabSz="622300">
            <a:lnSpc>
              <a:spcPct val="100000"/>
            </a:lnSpc>
            <a:spcBef>
              <a:spcPct val="0"/>
            </a:spcBef>
            <a:spcAft>
              <a:spcPts val="200"/>
            </a:spcAft>
            <a:buNone/>
          </a:pPr>
          <a:r>
            <a:rPr lang="da-DK" sz="1100" kern="1200" dirty="0"/>
            <a:t>Juni</a:t>
          </a:r>
        </a:p>
      </dsp:txBody>
      <dsp:txXfrm>
        <a:off x="4032449" y="3168357"/>
        <a:ext cx="1701309" cy="810581"/>
      </dsp:txXfrm>
    </dsp:sp>
    <dsp:sp modelId="{BDB80C41-EE49-4268-B9F6-28334B8561A0}">
      <dsp:nvSpPr>
        <dsp:cNvPr id="0" name=""/>
        <dsp:cNvSpPr/>
      </dsp:nvSpPr>
      <dsp:spPr>
        <a:xfrm>
          <a:off x="1351450" y="-116199"/>
          <a:ext cx="4549324" cy="4549324"/>
        </a:xfrm>
        <a:prstGeom prst="circularArrow">
          <a:avLst>
            <a:gd name="adj1" fmla="val 6908"/>
            <a:gd name="adj2" fmla="val 465833"/>
            <a:gd name="adj3" fmla="val 7836332"/>
            <a:gd name="adj4" fmla="val 4215282"/>
            <a:gd name="adj5" fmla="val 8059"/>
          </a:avLst>
        </a:prstGeom>
        <a:solidFill>
          <a:srgbClr val="249437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CF832A4-EA56-45F1-B095-57DB18BDC52A}">
      <dsp:nvSpPr>
        <dsp:cNvPr id="0" name=""/>
        <dsp:cNvSpPr/>
      </dsp:nvSpPr>
      <dsp:spPr>
        <a:xfrm>
          <a:off x="516705" y="2680830"/>
          <a:ext cx="2836252" cy="76257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7780" tIns="17780" rIns="17780" bIns="17780" numCol="1" spcCol="1270" anchor="ctr" anchorCtr="0">
          <a:noAutofit/>
        </a:bodyPr>
        <a:lstStyle/>
        <a:p>
          <a:pPr marL="0" lvl="0" indent="0" algn="ctr" defTabSz="622300">
            <a:lnSpc>
              <a:spcPct val="100000"/>
            </a:lnSpc>
            <a:spcBef>
              <a:spcPct val="0"/>
            </a:spcBef>
            <a:spcAft>
              <a:spcPts val="200"/>
            </a:spcAft>
            <a:buNone/>
          </a:pPr>
          <a:r>
            <a:rPr lang="da-DK" sz="1400" b="1" kern="1200" dirty="0"/>
            <a:t>Grøn omstillingsrapport</a:t>
          </a:r>
        </a:p>
        <a:p>
          <a:pPr marL="0" lvl="0" indent="0" algn="ctr" defTabSz="622300">
            <a:lnSpc>
              <a:spcPct val="100000"/>
            </a:lnSpc>
            <a:spcBef>
              <a:spcPct val="0"/>
            </a:spcBef>
            <a:spcAft>
              <a:spcPts val="200"/>
            </a:spcAft>
            <a:buNone/>
          </a:pPr>
          <a:r>
            <a:rPr lang="da-DK" sz="1100" kern="1200" dirty="0"/>
            <a:t>Oktober</a:t>
          </a:r>
          <a:endParaRPr lang="da-DK" sz="1100" kern="1200" dirty="0">
            <a:highlight>
              <a:srgbClr val="FFFF00"/>
            </a:highlight>
          </a:endParaRPr>
        </a:p>
      </dsp:txBody>
      <dsp:txXfrm>
        <a:off x="516705" y="2680830"/>
        <a:ext cx="2836252" cy="762570"/>
      </dsp:txXfrm>
    </dsp:sp>
    <dsp:sp modelId="{1AF3468A-BC95-46F4-A5D0-A2D26B334B8F}">
      <dsp:nvSpPr>
        <dsp:cNvPr id="0" name=""/>
        <dsp:cNvSpPr/>
      </dsp:nvSpPr>
      <dsp:spPr>
        <a:xfrm>
          <a:off x="1355323" y="-225240"/>
          <a:ext cx="4549324" cy="4549324"/>
        </a:xfrm>
        <a:prstGeom prst="circularArrow">
          <a:avLst>
            <a:gd name="adj1" fmla="val 6908"/>
            <a:gd name="adj2" fmla="val 465833"/>
            <a:gd name="adj3" fmla="val 11789931"/>
            <a:gd name="adj4" fmla="val 9656814"/>
            <a:gd name="adj5" fmla="val 8059"/>
          </a:avLst>
        </a:prstGeom>
        <a:solidFill>
          <a:srgbClr val="C11628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99AB38E-010D-4E52-B77A-70354C034FE6}">
      <dsp:nvSpPr>
        <dsp:cNvPr id="0" name=""/>
        <dsp:cNvSpPr/>
      </dsp:nvSpPr>
      <dsp:spPr>
        <a:xfrm>
          <a:off x="864088" y="562283"/>
          <a:ext cx="2529828" cy="69233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0320" tIns="20320" rIns="20320" bIns="20320" numCol="1" spcCol="1270" anchor="ctr" anchorCtr="0">
          <a:noAutofit/>
        </a:bodyPr>
        <a:lstStyle/>
        <a:p>
          <a:pPr marL="0" lvl="0" indent="0" algn="ctr" defTabSz="711200">
            <a:lnSpc>
              <a:spcPct val="100000"/>
            </a:lnSpc>
            <a:spcBef>
              <a:spcPct val="0"/>
            </a:spcBef>
            <a:spcAft>
              <a:spcPts val="200"/>
            </a:spcAft>
            <a:buNone/>
          </a:pPr>
          <a:r>
            <a:rPr lang="da-DK" sz="1600" b="1" kern="1200" dirty="0"/>
            <a:t>Strategisk indsatsoverblik</a:t>
          </a:r>
        </a:p>
        <a:p>
          <a:pPr marL="0" lvl="0" indent="0" algn="ctr" defTabSz="711200">
            <a:lnSpc>
              <a:spcPct val="100000"/>
            </a:lnSpc>
            <a:spcBef>
              <a:spcPct val="0"/>
            </a:spcBef>
            <a:spcAft>
              <a:spcPts val="200"/>
            </a:spcAft>
            <a:buNone/>
          </a:pPr>
          <a:r>
            <a:rPr lang="da-DK" sz="1100" kern="1200" dirty="0"/>
            <a:t>November</a:t>
          </a:r>
        </a:p>
      </dsp:txBody>
      <dsp:txXfrm>
        <a:off x="864088" y="562283"/>
        <a:ext cx="2529828" cy="692334"/>
      </dsp:txXfrm>
    </dsp:sp>
    <dsp:sp modelId="{50903887-4C71-42B7-9353-A0FA383CFA94}">
      <dsp:nvSpPr>
        <dsp:cNvPr id="0" name=""/>
        <dsp:cNvSpPr/>
      </dsp:nvSpPr>
      <dsp:spPr>
        <a:xfrm>
          <a:off x="1160090" y="14449"/>
          <a:ext cx="4549324" cy="4549324"/>
        </a:xfrm>
        <a:prstGeom prst="circularArrow">
          <a:avLst>
            <a:gd name="adj1" fmla="val 6908"/>
            <a:gd name="adj2" fmla="val 465833"/>
            <a:gd name="adj3" fmla="val 17881345"/>
            <a:gd name="adj4" fmla="val 14593528"/>
            <a:gd name="adj5" fmla="val 8059"/>
          </a:avLst>
        </a:prstGeom>
        <a:solidFill>
          <a:srgbClr val="D28D0D"/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A7324B7-748B-4C06-A4F2-E44F8E1818CE}">
      <dsp:nvSpPr>
        <dsp:cNvPr id="0" name=""/>
        <dsp:cNvSpPr/>
      </dsp:nvSpPr>
      <dsp:spPr>
        <a:xfrm>
          <a:off x="0" y="1053154"/>
          <a:ext cx="4680520" cy="597943"/>
        </a:xfrm>
        <a:prstGeom prst="roundRect">
          <a:avLst/>
        </a:prstGeom>
        <a:solidFill>
          <a:schemeClr val="accent5"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kern="1200" dirty="0"/>
            <a:t>Grøn transport</a:t>
          </a:r>
        </a:p>
      </dsp:txBody>
      <dsp:txXfrm>
        <a:off x="29189" y="1082343"/>
        <a:ext cx="4622142" cy="539565"/>
      </dsp:txXfrm>
    </dsp:sp>
    <dsp:sp modelId="{8FEC286E-F6CE-4715-9BF9-F3E603BC3A43}">
      <dsp:nvSpPr>
        <dsp:cNvPr id="0" name=""/>
        <dsp:cNvSpPr/>
      </dsp:nvSpPr>
      <dsp:spPr>
        <a:xfrm>
          <a:off x="0" y="606545"/>
          <a:ext cx="4680520" cy="21528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8607" tIns="25400" rIns="142240" bIns="25400" numCol="1" spcCol="1270" anchor="t" anchorCtr="0">
          <a:noAutofit/>
        </a:bodyPr>
        <a:lstStyle/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20000"/>
            </a:spcAft>
            <a:buFont typeface="Arial" panose="020B0604020202020204" pitchFamily="34" charset="0"/>
            <a:buNone/>
          </a:pPr>
          <a:endParaRPr lang="da-DK" sz="2000" kern="1200" dirty="0"/>
        </a:p>
      </dsp:txBody>
      <dsp:txXfrm>
        <a:off x="0" y="606545"/>
        <a:ext cx="4680520" cy="215280"/>
      </dsp:txXfrm>
    </dsp:sp>
    <dsp:sp modelId="{5D3E137D-6FB0-4C4D-B9BF-2DFDA488CAA5}">
      <dsp:nvSpPr>
        <dsp:cNvPr id="0" name=""/>
        <dsp:cNvSpPr/>
      </dsp:nvSpPr>
      <dsp:spPr>
        <a:xfrm>
          <a:off x="0" y="1706313"/>
          <a:ext cx="4680520" cy="597943"/>
        </a:xfrm>
        <a:prstGeom prst="roundRect">
          <a:avLst/>
        </a:prstGeom>
        <a:solidFill>
          <a:schemeClr val="accent5">
            <a:hueOff val="-2548392"/>
            <a:satOff val="-12064"/>
            <a:lumOff val="7059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kern="1200" dirty="0"/>
            <a:t>Affaldsressourcer</a:t>
          </a:r>
        </a:p>
      </dsp:txBody>
      <dsp:txXfrm>
        <a:off x="29189" y="1735502"/>
        <a:ext cx="4622142" cy="539565"/>
      </dsp:txXfrm>
    </dsp:sp>
    <dsp:sp modelId="{7E6AFC16-BE57-4D7A-9952-497F87A03D5B}">
      <dsp:nvSpPr>
        <dsp:cNvPr id="0" name=""/>
        <dsp:cNvSpPr/>
      </dsp:nvSpPr>
      <dsp:spPr>
        <a:xfrm>
          <a:off x="0" y="1419768"/>
          <a:ext cx="4680520" cy="21528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8607" tIns="16510" rIns="92456" bIns="16510" numCol="1" spcCol="1270" anchor="t" anchorCtr="0">
          <a:noAutofit/>
        </a:bodyPr>
        <a:lstStyle/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endParaRPr lang="da-DK" sz="1000" kern="1200" dirty="0"/>
        </a:p>
      </dsp:txBody>
      <dsp:txXfrm>
        <a:off x="0" y="1419768"/>
        <a:ext cx="4680520" cy="215280"/>
      </dsp:txXfrm>
    </dsp:sp>
    <dsp:sp modelId="{382004F9-5236-4B43-8932-BD9F7C167116}">
      <dsp:nvSpPr>
        <dsp:cNvPr id="0" name=""/>
        <dsp:cNvSpPr/>
      </dsp:nvSpPr>
      <dsp:spPr>
        <a:xfrm>
          <a:off x="0" y="2354382"/>
          <a:ext cx="4680520" cy="597943"/>
        </a:xfrm>
        <a:prstGeom prst="roundRect">
          <a:avLst/>
        </a:prstGeom>
        <a:solidFill>
          <a:schemeClr val="accent5">
            <a:hueOff val="-5096784"/>
            <a:satOff val="-24128"/>
            <a:lumOff val="14118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kern="1200" dirty="0"/>
            <a:t>Energi</a:t>
          </a:r>
        </a:p>
      </dsp:txBody>
      <dsp:txXfrm>
        <a:off x="29189" y="2383571"/>
        <a:ext cx="4622142" cy="539565"/>
      </dsp:txXfrm>
    </dsp:sp>
    <dsp:sp modelId="{BFD2D686-9670-4C7E-9F58-150BACFBF9C2}">
      <dsp:nvSpPr>
        <dsp:cNvPr id="0" name=""/>
        <dsp:cNvSpPr/>
      </dsp:nvSpPr>
      <dsp:spPr>
        <a:xfrm>
          <a:off x="0" y="2232992"/>
          <a:ext cx="4680520" cy="21528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8607" tIns="25400" rIns="142240" bIns="25400" numCol="1" spcCol="1270" anchor="t" anchorCtr="0">
          <a:noAutofit/>
        </a:bodyPr>
        <a:lstStyle/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endParaRPr lang="da-DK" sz="2000" kern="1200" dirty="0"/>
        </a:p>
      </dsp:txBody>
      <dsp:txXfrm>
        <a:off x="0" y="2232992"/>
        <a:ext cx="4680520" cy="215280"/>
      </dsp:txXfrm>
    </dsp:sp>
    <dsp:sp modelId="{547DFF88-9187-4389-8070-3FD0430D3A1A}">
      <dsp:nvSpPr>
        <dsp:cNvPr id="0" name=""/>
        <dsp:cNvSpPr/>
      </dsp:nvSpPr>
      <dsp:spPr>
        <a:xfrm>
          <a:off x="0" y="3002460"/>
          <a:ext cx="4680520" cy="597943"/>
        </a:xfrm>
        <a:prstGeom prst="roundRect">
          <a:avLst/>
        </a:prstGeom>
        <a:solidFill>
          <a:schemeClr val="accent5">
            <a:hueOff val="-7645176"/>
            <a:satOff val="-36192"/>
            <a:lumOff val="21176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kern="1200" dirty="0"/>
            <a:t>Spildevand</a:t>
          </a:r>
        </a:p>
      </dsp:txBody>
      <dsp:txXfrm>
        <a:off x="29189" y="3031649"/>
        <a:ext cx="4622142" cy="539565"/>
      </dsp:txXfrm>
    </dsp:sp>
    <dsp:sp modelId="{DA42E5B5-4F49-4266-85CD-D4BA51608E87}">
      <dsp:nvSpPr>
        <dsp:cNvPr id="0" name=""/>
        <dsp:cNvSpPr/>
      </dsp:nvSpPr>
      <dsp:spPr>
        <a:xfrm>
          <a:off x="0" y="3046215"/>
          <a:ext cx="4680520" cy="21528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8607" tIns="16510" rIns="92456" bIns="16510" numCol="1" spcCol="1270" anchor="t" anchorCtr="0">
          <a:noAutofit/>
        </a:bodyPr>
        <a:lstStyle/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endParaRPr lang="da-DK" sz="1000" kern="1200" dirty="0"/>
        </a:p>
      </dsp:txBody>
      <dsp:txXfrm>
        <a:off x="0" y="3046215"/>
        <a:ext cx="4680520" cy="215280"/>
      </dsp:txXfrm>
    </dsp:sp>
    <dsp:sp modelId="{191B0AF3-48F0-4EE6-8FDA-A6B9271568DD}">
      <dsp:nvSpPr>
        <dsp:cNvPr id="0" name=""/>
        <dsp:cNvSpPr/>
      </dsp:nvSpPr>
      <dsp:spPr>
        <a:xfrm>
          <a:off x="0" y="3650531"/>
          <a:ext cx="4680520" cy="597943"/>
        </a:xfrm>
        <a:prstGeom prst="roundRect">
          <a:avLst/>
        </a:prstGeom>
        <a:solidFill>
          <a:schemeClr val="accent5">
            <a:hueOff val="-10193568"/>
            <a:satOff val="-48256"/>
            <a:lumOff val="28235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marR="0" lvl="0" indent="0" algn="l" defTabSz="914400" eaLnBrk="1" fontAlgn="auto" latinLnBrk="0" hangingPunct="1">
            <a:lnSpc>
              <a:spcPct val="100000"/>
            </a:lnSpc>
            <a:spcBef>
              <a:spcPct val="0"/>
            </a:spcBef>
            <a:spcAft>
              <a:spcPts val="0"/>
            </a:spcAft>
            <a:buClrTx/>
            <a:buSzTx/>
            <a:buFontTx/>
            <a:buNone/>
            <a:tabLst/>
            <a:defRPr/>
          </a:pPr>
          <a:r>
            <a:rPr lang="da-DK" sz="2400" kern="1200" dirty="0"/>
            <a:t>Klimavenlig køkkendrift</a:t>
          </a:r>
        </a:p>
      </dsp:txBody>
      <dsp:txXfrm>
        <a:off x="29189" y="3679720"/>
        <a:ext cx="4622142" cy="539565"/>
      </dsp:txXfrm>
    </dsp:sp>
    <dsp:sp modelId="{EF7A7B88-797C-41F5-B678-108D97E1ED34}">
      <dsp:nvSpPr>
        <dsp:cNvPr id="0" name=""/>
        <dsp:cNvSpPr/>
      </dsp:nvSpPr>
      <dsp:spPr>
        <a:xfrm>
          <a:off x="0" y="3859438"/>
          <a:ext cx="4680520" cy="21528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8607" tIns="16510" rIns="92456" bIns="16510" numCol="1" spcCol="1270" anchor="t" anchorCtr="0">
          <a:noAutofit/>
        </a:bodyPr>
        <a:lstStyle/>
        <a:p>
          <a:pPr marL="57150" lvl="1" indent="-57150" algn="l" defTabSz="44450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endParaRPr lang="da-DK" sz="1000" kern="1200" dirty="0"/>
        </a:p>
      </dsp:txBody>
      <dsp:txXfrm>
        <a:off x="0" y="3859438"/>
        <a:ext cx="4680520" cy="215280"/>
      </dsp:txXfrm>
    </dsp:sp>
    <dsp:sp modelId="{13EB7C86-22FD-4168-9EE4-6A7B7710E165}">
      <dsp:nvSpPr>
        <dsp:cNvPr id="0" name=""/>
        <dsp:cNvSpPr/>
      </dsp:nvSpPr>
      <dsp:spPr>
        <a:xfrm>
          <a:off x="0" y="4298600"/>
          <a:ext cx="4680520" cy="597943"/>
        </a:xfrm>
        <a:prstGeom prst="roundRect">
          <a:avLst/>
        </a:prstGeom>
        <a:solidFill>
          <a:schemeClr val="accent5">
            <a:hueOff val="-12741959"/>
            <a:satOff val="-60320"/>
            <a:lumOff val="35294"/>
            <a:alphaOff val="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kern="1200" dirty="0"/>
            <a:t>Grønne indkøb</a:t>
          </a:r>
        </a:p>
      </dsp:txBody>
      <dsp:txXfrm>
        <a:off x="29189" y="4327789"/>
        <a:ext cx="4622142" cy="539565"/>
      </dsp:txXfrm>
    </dsp:sp>
    <dsp:sp modelId="{6EFFBB27-AEE7-4004-95FE-C1AB0F5CCC00}">
      <dsp:nvSpPr>
        <dsp:cNvPr id="0" name=""/>
        <dsp:cNvSpPr/>
      </dsp:nvSpPr>
      <dsp:spPr>
        <a:xfrm>
          <a:off x="0" y="4672661"/>
          <a:ext cx="4680520" cy="21528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48607" tIns="17780" rIns="99568" bIns="17780" numCol="1" spcCol="1270" anchor="t" anchorCtr="0">
          <a:noAutofit/>
        </a:bodyPr>
        <a:lstStyle/>
        <a:p>
          <a:pPr marL="114300" lvl="1" indent="-114300" algn="l" defTabSz="62230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endParaRPr lang="da-DK" sz="1400" kern="1200" dirty="0"/>
        </a:p>
      </dsp:txBody>
      <dsp:txXfrm>
        <a:off x="0" y="4672661"/>
        <a:ext cx="4680520" cy="215280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D3E137D-6FB0-4C4D-B9BF-2DFDA488CAA5}">
      <dsp:nvSpPr>
        <dsp:cNvPr id="0" name=""/>
        <dsp:cNvSpPr/>
      </dsp:nvSpPr>
      <dsp:spPr>
        <a:xfrm>
          <a:off x="754226" y="166595"/>
          <a:ext cx="3246832" cy="556920"/>
        </a:xfrm>
        <a:prstGeom prst="roundRect">
          <a:avLst/>
        </a:prstGeom>
        <a:solidFill>
          <a:schemeClr val="accent1"/>
        </a:solidFill>
        <a:ln w="25400" cap="flat" cmpd="sng" algn="ctr">
          <a:solidFill>
            <a:scrgbClr r="0" g="0" b="0"/>
          </a:solidFill>
          <a:prstDash val="dash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kern="1200" dirty="0"/>
            <a:t>Uønsket kemi </a:t>
          </a:r>
        </a:p>
      </dsp:txBody>
      <dsp:txXfrm>
        <a:off x="781413" y="193782"/>
        <a:ext cx="3192458" cy="502546"/>
      </dsp:txXfrm>
    </dsp:sp>
    <dsp:sp modelId="{7E6AFC16-BE57-4D7A-9952-497F87A03D5B}">
      <dsp:nvSpPr>
        <dsp:cNvPr id="0" name=""/>
        <dsp:cNvSpPr/>
      </dsp:nvSpPr>
      <dsp:spPr>
        <a:xfrm>
          <a:off x="0" y="575531"/>
          <a:ext cx="4752528" cy="46368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0893" tIns="35560" rIns="199136" bIns="35560" numCol="1" spcCol="1270" anchor="t" anchorCtr="0">
          <a:noAutofit/>
        </a:bodyPr>
        <a:lstStyle/>
        <a:p>
          <a:pPr marL="228600" lvl="1" indent="-228600" algn="l" defTabSz="97790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endParaRPr lang="da-DK" sz="2200" kern="1200" dirty="0"/>
        </a:p>
      </dsp:txBody>
      <dsp:txXfrm>
        <a:off x="0" y="575531"/>
        <a:ext cx="4752528" cy="463680"/>
      </dsp:txXfrm>
    </dsp:sp>
    <dsp:sp modelId="{5A7324B7-748B-4C06-A4F2-E44F8E1818CE}">
      <dsp:nvSpPr>
        <dsp:cNvPr id="0" name=""/>
        <dsp:cNvSpPr/>
      </dsp:nvSpPr>
      <dsp:spPr>
        <a:xfrm>
          <a:off x="757933" y="1039211"/>
          <a:ext cx="3236661" cy="785964"/>
        </a:xfrm>
        <a:prstGeom prst="roundRect">
          <a:avLst/>
        </a:prstGeom>
        <a:solidFill>
          <a:schemeClr val="accent1"/>
        </a:solidFill>
        <a:ln w="25400" cap="flat" cmpd="sng" algn="ctr">
          <a:solidFill>
            <a:scrgbClr r="0" g="0" b="0"/>
          </a:solidFill>
          <a:prstDash val="dash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kern="1200" dirty="0"/>
            <a:t>Sammen om bæredygtigt forbrug</a:t>
          </a:r>
        </a:p>
      </dsp:txBody>
      <dsp:txXfrm>
        <a:off x="796301" y="1077579"/>
        <a:ext cx="3159925" cy="709228"/>
      </dsp:txXfrm>
    </dsp:sp>
    <dsp:sp modelId="{8FEC286E-F6CE-4715-9BF9-F3E603BC3A43}">
      <dsp:nvSpPr>
        <dsp:cNvPr id="0" name=""/>
        <dsp:cNvSpPr/>
      </dsp:nvSpPr>
      <dsp:spPr>
        <a:xfrm>
          <a:off x="0" y="1825176"/>
          <a:ext cx="4752528" cy="46368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0893" tIns="25400" rIns="142240" bIns="25400" numCol="1" spcCol="1270" anchor="t" anchorCtr="0">
          <a:noAutofit/>
        </a:bodyPr>
        <a:lstStyle/>
        <a:p>
          <a:pPr marL="228600" lvl="1" indent="-228600" algn="l" defTabSz="889000">
            <a:lnSpc>
              <a:spcPct val="90000"/>
            </a:lnSpc>
            <a:spcBef>
              <a:spcPct val="0"/>
            </a:spcBef>
            <a:spcAft>
              <a:spcPct val="20000"/>
            </a:spcAft>
            <a:buFont typeface="Arial" panose="020B0604020202020204" pitchFamily="34" charset="0"/>
            <a:buNone/>
          </a:pPr>
          <a:endParaRPr lang="da-DK" sz="2000" kern="1200" dirty="0"/>
        </a:p>
      </dsp:txBody>
      <dsp:txXfrm>
        <a:off x="0" y="1825176"/>
        <a:ext cx="4752528" cy="46368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cycle1">
  <dgm:title val=""/>
  <dgm:desc val=""/>
  <dgm:catLst>
    <dgm:cat type="cycle" pri="2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  <dgm:pt modelId="3"/>
      </dgm:ptLst>
      <dgm:cxnLst>
        <dgm:cxn modelId="4" srcId="0" destId="1" srcOrd="0" destOrd="0"/>
        <dgm:cxn modelId="5" srcId="0" destId="2" srcOrd="1" destOrd="0"/>
        <dgm:cxn modelId="6" srcId="0" destId="3" srcOrd="2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cycle">
    <dgm:varLst>
      <dgm:dir/>
      <dgm:resizeHandles val="exact"/>
    </dgm:varLst>
    <dgm:choose name="Name0">
      <dgm:if name="Name1" func="var" arg="dir" op="equ" val="norm">
        <dgm:alg type="cycle">
          <dgm:param type="stAng" val="0"/>
          <dgm:param type="spanAng" val="360"/>
        </dgm:alg>
      </dgm:if>
      <dgm:else name="Name2">
        <dgm:alg type="cycle">
          <dgm:param type="stAng" val="0"/>
          <dgm:param type="spanAng" val="-360"/>
        </dgm:alg>
      </dgm:else>
    </dgm:choose>
    <dgm:shape xmlns:r="http://schemas.openxmlformats.org/officeDocument/2006/relationships" r:blip="">
      <dgm:adjLst/>
    </dgm:shape>
    <dgm:presOf/>
    <dgm:choose name="Name3">
      <dgm:if name="Name4" func="var" arg="dir" op="equ" val="norm">
        <dgm:constrLst>
          <dgm:constr type="diam" val="1"/>
          <dgm:constr type="w" for="ch" forName="node" refType="w"/>
          <dgm:constr type="w" for="ch" ptType="sibTrans" refType="w" refFor="ch" refForName="node" fact="0.5"/>
          <dgm:constr type="h" for="ch" ptType="sibTrans" op="equ"/>
          <dgm:constr type="diam" for="ch" ptType="sibTrans" refType="diam" op="equ"/>
          <dgm:constr type="sibSp" refType="w" refFor="ch" refForName="node" fact="0.15"/>
          <dgm:constr type="w" for="ch" forName="dummy" refType="sibSp" fact="2.8"/>
          <dgm:constr type="primFontSz" for="ch" forName="node" op="equ" val="65"/>
        </dgm:constrLst>
      </dgm:if>
      <dgm:else name="Name5">
        <dgm:constrLst>
          <dgm:constr type="diam" val="1"/>
          <dgm:constr type="w" for="ch" forName="node" refType="w"/>
          <dgm:constr type="w" for="ch" ptType="sibTrans" refType="w" refFor="ch" refForName="node" fact="0.5"/>
          <dgm:constr type="h" for="ch" ptType="sibTrans" op="equ"/>
          <dgm:constr type="diam" for="ch" ptType="sibTrans" refType="diam" op="equ" fact="-1"/>
          <dgm:constr type="sibSp" refType="w" refFor="ch" refForName="node" fact="0.15"/>
          <dgm:constr type="w" for="ch" forName="dummy" refType="sibSp" fact="2.8"/>
          <dgm:constr type="primFontSz" for="ch" forName="node" op="equ" val="65"/>
        </dgm:constrLst>
      </dgm:else>
    </dgm:choose>
    <dgm:ruleLst>
      <dgm:rule type="diam" val="INF" fact="NaN" max="NaN"/>
    </dgm:ruleLst>
    <dgm:forEach name="nodesForEach" axis="ch" ptType="node">
      <dgm:choose name="Name6">
        <dgm:if name="Name7" axis="par ch" ptType="doc node" func="cnt" op="gt" val="1">
          <dgm:layoutNode name="dummy">
            <dgm:alg type="sp"/>
            <dgm:shape xmlns:r="http://schemas.openxmlformats.org/officeDocument/2006/relationships" r:blip="">
              <dgm:adjLst/>
            </dgm:shape>
            <dgm:presOf/>
            <dgm:constrLst>
              <dgm:constr type="h" refType="w"/>
            </dgm:constrLst>
            <dgm:ruleLst/>
          </dgm:layoutNode>
        </dgm:if>
        <dgm:else name="Name8"/>
      </dgm:choose>
      <dgm:layoutNode name="node" styleLbl="revTx">
        <dgm:varLst>
          <dgm:bulletEnabled val="1"/>
        </dgm:varLst>
        <dgm:alg type="tx">
          <dgm:param type="txAnchorVertCh" val="mid"/>
        </dgm:alg>
        <dgm:shape xmlns:r="http://schemas.openxmlformats.org/officeDocument/2006/relationships" type="rect" r:blip="">
          <dgm:adjLst/>
        </dgm:shape>
        <dgm:presOf axis="desOrSelf" ptType="node"/>
        <dgm:constrLst>
          <dgm:constr type="h" refType="w"/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  <dgm:choose name="Name9">
        <dgm:if name="Name10" axis="par ch" ptType="doc node" func="cnt" op="gt" val="1">
          <dgm:forEach name="Name11" axis="followSib" ptType="sibTrans" hideLastTrans="0" cnt="1">
            <dgm:layoutNode name="sibTrans" styleLbl="node1">
              <dgm:alg type="conn">
                <dgm:param type="connRout" val="curve"/>
                <dgm:param type="begPts" val="radial"/>
                <dgm:param type="endPts" val="radial"/>
              </dgm:alg>
              <dgm:shape xmlns:r="http://schemas.openxmlformats.org/officeDocument/2006/relationships" type="conn" r:blip="">
                <dgm:adjLst/>
              </dgm:shape>
              <dgm:presOf axis="self"/>
              <dgm:constrLst>
                <dgm:constr type="h" refType="w" fact="0.65"/>
                <dgm:constr type="begPad"/>
                <dgm:constr type="endPad"/>
              </dgm:constrLst>
              <dgm:ruleLst/>
            </dgm:layoutNode>
          </dgm:forEach>
        </dgm:if>
        <dgm:else name="Name12"/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29-09-2022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sz="1800" dirty="0">
                <a:solidFill>
                  <a:srgbClr val="000000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</a:rPr>
              <a:t>Der er sat 25 minutter af til hele sagen inkl. oplæg og drøftelse. 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r>
              <a:rPr lang="da-DK" sz="1800" dirty="0">
                <a:solidFill>
                  <a:srgbClr val="000000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</a:rPr>
              <a:t>10 min til oplæg. politikernes drøftelser er det vigtigst i denne sag</a:t>
            </a:r>
          </a:p>
          <a:p>
            <a:r>
              <a:rPr lang="da-DK" sz="1800" dirty="0">
                <a:solidFill>
                  <a:srgbClr val="000000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</a:rPr>
              <a:t>= fortælle de vigtigste highlights fra rapporten, som kan give et godt afsæt for drøftelserne. </a:t>
            </a:r>
          </a:p>
          <a:p>
            <a:endParaRPr lang="da-DK" sz="1800" dirty="0">
              <a:solidFill>
                <a:srgbClr val="000000"/>
              </a:solidFill>
              <a:effectLst/>
              <a:latin typeface="Verdana" panose="020B0604030504040204" pitchFamily="34" charset="0"/>
              <a:ea typeface="Calibri" panose="020F0502020204030204" pitchFamily="34" charset="0"/>
            </a:endParaRPr>
          </a:p>
          <a:p>
            <a:endParaRPr lang="da-DK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8804046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spcAft>
                <a:spcPts val="300"/>
              </a:spcAft>
              <a:buNone/>
            </a:pPr>
            <a:r>
              <a:rPr lang="da-DK" sz="18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Fuldt klimaregnskab: Med indirekte udledninger (</a:t>
            </a:r>
            <a:r>
              <a:rPr lang="da-DK" sz="1800" kern="1200" dirty="0" err="1">
                <a:solidFill>
                  <a:schemeClr val="tx1"/>
                </a:solidFill>
                <a:latin typeface="+mn-lt"/>
                <a:ea typeface="+mn-ea"/>
                <a:cs typeface="+mn-cs"/>
              </a:rPr>
              <a:t>scope</a:t>
            </a:r>
            <a:r>
              <a:rPr lang="da-DK" sz="18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 3)  fra indkøb, fødevarer, services og bygge/anlæg</a:t>
            </a:r>
            <a:endParaRPr lang="da-DK" sz="1800" kern="1200" noProof="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endParaRPr lang="da-DK" sz="1800" kern="120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  <a:p>
            <a:r>
              <a:rPr lang="da-DK" sz="1800" kern="1200" dirty="0" err="1">
                <a:solidFill>
                  <a:schemeClr val="tx1"/>
                </a:solidFill>
                <a:latin typeface="+mn-lt"/>
                <a:ea typeface="+mn-ea"/>
                <a:cs typeface="+mn-cs"/>
              </a:rPr>
              <a:t>Scope</a:t>
            </a:r>
            <a:r>
              <a:rPr lang="da-DK" sz="18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 1 er lille, dvs. pilenes størrelse viser ikke det rette forhold mellem </a:t>
            </a:r>
            <a:r>
              <a:rPr lang="da-DK" sz="1800" kern="1200" dirty="0" err="1">
                <a:solidFill>
                  <a:schemeClr val="tx1"/>
                </a:solidFill>
                <a:latin typeface="+mn-lt"/>
                <a:ea typeface="+mn-ea"/>
                <a:cs typeface="+mn-cs"/>
              </a:rPr>
              <a:t>scope</a:t>
            </a:r>
            <a:r>
              <a:rPr lang="da-DK" sz="18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 1, 2 og 3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6134227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4266747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Medicinsk udsty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Klinisk og patientrettede forbrugsvarer og tilbehø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Laboratorieudstyr og laboratorierettede tjenesteydelse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Større </a:t>
            </a:r>
            <a:r>
              <a:rPr lang="da-DK" b="0" dirty="0" err="1"/>
              <a:t>medico</a:t>
            </a:r>
            <a:r>
              <a:rPr lang="da-DK" b="0" dirty="0"/>
              <a:t>-udstyr, klinisk inventar m.m. 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b="1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Øvrige varer og tjenesteydelse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Diverse administrative ydelser, konsulenter og vikarer 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IT-udstyr og tjenesteydelse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Logistik, godstransport og køretøje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Stor diverse gruppe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b="1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Byggeri og anlæg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Entrepriserådgivning og tekniske serviceydelse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Entrepriseydelser og –udsty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Miljø- og geologiske undersøgelser og offentlige bygge-/anlægstjenester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b="1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Renovering af bygninge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Tekniske services, -maskiner, -udstyr og vedligehold</a:t>
            </a:r>
          </a:p>
          <a:p>
            <a:pPr marL="171450" indent="-171450">
              <a:buFont typeface="Arial" panose="020B0604020202020204" pitchFamily="34" charset="0"/>
              <a:buChar char="-"/>
            </a:pPr>
            <a:r>
              <a:rPr lang="da-DK" b="0" dirty="0"/>
              <a:t>Byggematerialer og komponenter</a:t>
            </a:r>
          </a:p>
          <a:p>
            <a:pPr marL="171450" indent="-171450">
              <a:buFont typeface="Arial" panose="020B0604020202020204" pitchFamily="34" charset="0"/>
              <a:buChar char="-"/>
            </a:pPr>
            <a:r>
              <a:rPr lang="da-DK" b="0" dirty="0"/>
              <a:t>Håndværkerydelser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b="1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Sundhedsydelser</a:t>
            </a:r>
          </a:p>
          <a:p>
            <a:pPr marL="171450" indent="-171450">
              <a:buFontTx/>
              <a:buChar char="-"/>
            </a:pPr>
            <a:r>
              <a:rPr lang="da-DK" b="0" dirty="0"/>
              <a:t>Patient- og borgerrettede ydelser, sundhedsydelser og overenskomster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b="1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Energiforbrug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da-DK" b="0" dirty="0"/>
              <a:t>Inkl. opstrøms fra udvinding, energiproducerende anlæg og transmission 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Mål på co2 reduktion for energi opgøres uden </a:t>
            </a:r>
            <a:r>
              <a:rPr lang="da-DK" dirty="0" err="1"/>
              <a:t>opstrømsudledninger</a:t>
            </a:r>
            <a:endParaRPr lang="da-DK" dirty="0"/>
          </a:p>
          <a:p>
            <a:pPr marL="0" indent="0">
              <a:buFont typeface="Arial" panose="020B0604020202020204" pitchFamily="34" charset="0"/>
              <a:buNone/>
            </a:pPr>
            <a:endParaRPr lang="da-DK" b="1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b="1" dirty="0"/>
              <a:t>Transpor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b="0" dirty="0"/>
              <a:t>Inkl. opstrøms fra udvinding af drivmidler, m.m. </a:t>
            </a:r>
            <a:endParaRPr lang="da-DK" dirty="0"/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5245662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sz="1200" b="1" i="0" u="none" strike="noStrike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Ledelse og organisering</a:t>
            </a:r>
          </a:p>
          <a:p>
            <a:r>
              <a:rPr lang="da-DK" sz="1200" b="0" i="0" u="none" strike="noStrike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For løbende at sikre, at regionen er på rette kurs mod at indfri de langsigtede klima- og miljømål, benyttes et simpelt ledelsessystem baseret på ”plan-do-check-</a:t>
            </a:r>
            <a:r>
              <a:rPr lang="da-DK" sz="1200" b="0" i="0" u="none" strike="noStrike" kern="1200" baseline="0" dirty="0" err="1">
                <a:solidFill>
                  <a:schemeClr val="tx1"/>
                </a:solidFill>
                <a:latin typeface="+mn-lt"/>
                <a:ea typeface="+mn-ea"/>
                <a:cs typeface="+mn-cs"/>
              </a:rPr>
              <a:t>act</a:t>
            </a:r>
            <a:r>
              <a:rPr lang="da-DK" sz="1200" b="0" i="0" u="none" strike="noStrike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”-princippet. </a:t>
            </a:r>
          </a:p>
          <a:p>
            <a:r>
              <a:rPr lang="da-DK" sz="1200" b="0" i="0" u="none" strike="noStrike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= nemmere at følge udviklingen, koordinere de store indsatser på tværs af organisationen og sikre fremdrift.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9611441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sz="1200" dirty="0">
                <a:solidFill>
                  <a:srgbClr val="000000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</a:rPr>
              <a:t>Ole: slides skarpe på trend (altså smiley) ift. at nå 2025 mål</a:t>
            </a:r>
          </a:p>
          <a:p>
            <a:pPr marL="342900" indent="-342900">
              <a:buAutoNum type="arabicParenR"/>
            </a:pPr>
            <a:r>
              <a:rPr lang="da-DK" sz="1200" dirty="0">
                <a:solidFill>
                  <a:srgbClr val="000000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</a:rPr>
              <a:t>tror vi at vi når i mål med nuværende trend (CO2-reduktion, genanvendelse, energiforbrug m.m. ) samt igangsatte og besluttede aktiviteter eller </a:t>
            </a:r>
          </a:p>
          <a:p>
            <a:pPr marL="342900" indent="-342900">
              <a:buAutoNum type="arabicParenR"/>
            </a:pPr>
            <a:r>
              <a:rPr lang="da-DK" sz="1200" dirty="0">
                <a:solidFill>
                  <a:srgbClr val="000000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</a:rPr>
              <a:t>skal der besluttes og igangsættes yderligere aktiviteter i koncernhandlingsplan 2023 (og for den sagsskyld KHP 24 og 25, hvis vi allerede nu kan sige noget om det). </a:t>
            </a:r>
          </a:p>
          <a:p>
            <a:pPr marL="0" indent="0">
              <a:buNone/>
            </a:pPr>
            <a:r>
              <a:rPr lang="da-DK" sz="1200" dirty="0">
                <a:solidFill>
                  <a:srgbClr val="000000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</a:rPr>
              <a:t>Og for 2-eren vil det være fint også at adressere evt. rammevilkår, som MKU kan lave fortalervirksomhed omkring. </a:t>
            </a:r>
          </a:p>
          <a:p>
            <a:r>
              <a:rPr lang="da-DK" sz="1200" dirty="0">
                <a:solidFill>
                  <a:srgbClr val="000000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</a:rPr>
              <a:t>programmet kært siden 2015/2016, dvs. godt 6 år. Om ca. tre år skal vi stå til regnskab for om vi er nået i mål.</a:t>
            </a:r>
            <a:endParaRPr lang="da-DK" sz="12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539641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926365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sz="1800" dirty="0">
                <a:solidFill>
                  <a:srgbClr val="000000"/>
                </a:solidFill>
                <a:effectLst/>
                <a:latin typeface="Verdana" panose="020B0604030504040204" pitchFamily="34" charset="0"/>
                <a:ea typeface="Calibri" panose="020F0502020204030204" pitchFamily="34" charset="0"/>
              </a:rPr>
              <a:t> 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r>
              <a:rPr lang="da-DK" dirty="0"/>
              <a:t>Ole synes figur om energiforbrug skal med også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695306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Der er jo ikke målsat endnu, men her klimastyringsmodellen er relevant, som peger frem mod at kunne sætte mål for det samlede klimaaftryk fra vores hospitaler</a:t>
            </a:r>
          </a:p>
          <a:p>
            <a:r>
              <a:rPr lang="da-DK" dirty="0"/>
              <a:t>Der er jo en faktura på alt – det der påvirker klimaregnskabet, lige fra bygningsentrepriser og medicin og MR scanner – her er klima aftryk og forretningsbeslutninger tæt knyttet, kompetencerne omkring den grønne omstilling ligger ude i forretningen</a:t>
            </a:r>
          </a:p>
          <a:p>
            <a:r>
              <a:rPr lang="da-DK" dirty="0"/>
              <a:t>Bæredygtigt byggeri og SOBF også på vej ind, en anden forankring af styregruppe med hospitalsfokus er også noget af det nye på vej ind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8841271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spcAft>
                <a:spcPts val="0"/>
              </a:spcAft>
            </a:pPr>
            <a:r>
              <a:rPr lang="da-DK" sz="1800" b="1" dirty="0"/>
              <a:t>Kommunikation af grøn omstillingsrapport 2021</a:t>
            </a:r>
            <a:endParaRPr lang="da-DK" b="0" i="0" dirty="0">
              <a:solidFill>
                <a:srgbClr val="555555"/>
              </a:solidFill>
              <a:effectLst/>
              <a:latin typeface="Roboto" panose="02000000000000000000" pitchFamily="2" charset="0"/>
            </a:endParaRPr>
          </a:p>
          <a:p>
            <a:pPr marL="285750" indent="-285750"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  <a:t>internt i organisationen</a:t>
            </a:r>
          </a:p>
          <a:p>
            <a:pPr marL="285750" indent="-285750"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  <a:t>fx som intranetnyhed til alle hospitaler og øvrige enheders lokale intranet </a:t>
            </a:r>
          </a:p>
          <a:p>
            <a:pPr marL="285750" indent="-285750"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  <a:t>eksternt til omverden gennem en presseindsats </a:t>
            </a:r>
          </a:p>
          <a:p>
            <a:pPr marL="285750" indent="-285750"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  <a:t>og en indsats på sociale medier, hvor de gode historier fra indsatsområderne fremhæves</a:t>
            </a:r>
          </a:p>
          <a:p>
            <a:pPr marL="228600" indent="-228600">
              <a:buAutoNum type="arabicPeriod"/>
            </a:pPr>
            <a:endParaRPr lang="da-DK" dirty="0"/>
          </a:p>
          <a:p>
            <a:pPr marL="228600" indent="-228600">
              <a:buAutoNum type="arabicPeriod"/>
            </a:pPr>
            <a:endParaRPr lang="da-DK" dirty="0"/>
          </a:p>
          <a:p>
            <a:pPr marL="228600" indent="-228600">
              <a:buAutoNum type="arabicPeriod"/>
            </a:pPr>
            <a:r>
              <a:rPr lang="da-DK" dirty="0"/>
              <a:t>Er der noget i de 6 indsatser, hvor i tænker; dette bør komme med, det skal vi forholde os til, noget særligt vi skal huske?</a:t>
            </a:r>
          </a:p>
          <a:p>
            <a:pPr marL="228600" indent="-228600">
              <a:buAutoNum type="arabicPeriod"/>
            </a:pPr>
            <a:r>
              <a:rPr lang="da-DK" dirty="0"/>
              <a:t>Hvordan kommunikerer vi for at påvirke adfærd?</a:t>
            </a:r>
          </a:p>
          <a:p>
            <a:pPr marL="0" indent="0">
              <a:buNone/>
            </a:pPr>
            <a:r>
              <a:rPr lang="da-DK" dirty="0"/>
              <a:t>   om demoprojekter: både intern og ekstern effekt: giver intern forståelse og stolthed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sz="1600" dirty="0"/>
              <a:t>Nyt udvalg, fulgt i snart et år, tidligere udvalg ville nogen gerne gå mere vejen med demo og har besøgt Randers, de 5 regioner gør det forskelligt, derfor tager vi det ind her:</a:t>
            </a:r>
          </a:p>
          <a:p>
            <a:pPr marL="0" indent="0">
              <a:buNone/>
            </a:pPr>
            <a:r>
              <a:rPr lang="da-DK" sz="1600" dirty="0"/>
              <a:t>I har set årshjul og det vi arbejder med der. Savner i noget at hægte det op på, når i skal fortælle om hvad vi gør for den grønne omstilling?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/>
              <a:t>-ik gøre til enten eller, men få en pejling fra jer?</a:t>
            </a:r>
          </a:p>
          <a:p>
            <a:pPr marL="0" indent="0">
              <a:buNone/>
            </a:pPr>
            <a:endParaRPr lang="da-DK" sz="1600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0552375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2.emf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wmf"/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7.png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.png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22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837209827" name="image" descr="{&quot;templafy&quot;:{&quot;id&quot;:&quot;0449bc51-137e-49ed-b061-bad2d9d68a2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655378018" name="image" descr="{&quot;templafy&quot;:{&quot;id&quot;:&quot;758d721a-a1ab-4909-b385-5d747c7e60d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05f2393b-5092-4ef3-bb02-39b1a3558de6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dc59d330-9bcf-4d16-ab0c-9fadcf5e28de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Ole Gerner Jacobsen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775983470" name="image" descr="{&quot;templafy&quot;:{&quot;id&quot;:&quot;fa707a7a-0654-4945-b38d-8aea765ad64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60228868" name="image" descr="{&quot;templafy&quot;:{&quot;id&quot;:&quot;8a8db448-36c4-43a5-ad4e-0ee0690a0a1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294997805" name="image" descr="{&quot;templafy&quot;:{&quot;id&quot;:&quot;c7fddbb5-0df1-4686-ab92-2e12d7b108d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40ca1f87-9a74-4527-920c-d614066d5a4c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29" name="text" descr="{&quot;templafy&quot;:{&quot;id&quot;:&quot;708a250d-5f91-442f-83f0-dd91db9c9061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1" name="text" descr="{&quot;templafy&quot;:{&quot;id&quot;:&quot;347b7190-a942-4ad6-a283-31ace71022f1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227615166" name="image" descr="{&quot;templafy&quot;:{&quot;id&quot;:&quot;aefbf592-e086-4b89-8e7e-be4f10ca209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29981082" name="image" descr="{&quot;templafy&quot;:{&quot;id&quot;:&quot;57078d69-1f15-4e74-b74f-7546c6f21cc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384524815" name="image" descr="{&quot;templafy&quot;:{&quot;id&quot;:&quot;0a8bb665-f6a7-4e72-a617-3bfd78e7002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46ca471c-8c46-49c3-afea-66af1816667f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7f580455-c421-483e-adc7-057f7d3461b9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374b4226-9ad6-4061-afb3-5f60c5556226&quot;}}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  <p:sp>
        <p:nvSpPr>
          <p:cNvPr id="12" name="text" descr="{&quot;templafy&quot;:{&quot;id&quot;:&quot;56945869-36a2-43c1-895f-1475d9cd02ad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23845688" name="image" descr="{&quot;templafy&quot;:{&quot;id&quot;:&quot;9b728591-834f-4f39-9fc8-72346f7b0d1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467644853" name="image" descr="{&quot;templafy&quot;:{&quot;id&quot;:&quot;74f61f96-15a2-4eed-957b-4e9918697ee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601233389" name="image" descr="{&quot;templafy&quot;:{&quot;id&quot;:&quot;83762cdd-b14b-4590-ba9c-b916fcee031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99982933" name="image" descr="{&quot;templafy&quot;:{&quot;id&quot;:&quot;60c3d254-771e-4876-8683-231b13f1dfc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62663314" name="image" descr="{&quot;templafy&quot;:{&quot;id&quot;:&quot;967d232c-798f-497b-a5b9-94dd847eb3a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0b04cb7b-6e75-4c87-8721-f40fbc289bab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Ole Gerner Jacobsen</a:t>
            </a:r>
          </a:p>
        </p:txBody>
      </p:sp>
      <p:sp>
        <p:nvSpPr>
          <p:cNvPr id="26" name="text" descr="{&quot;templafy&quot;:{&quot;id&quot;:&quot;1e8627c6-b629-4bfd-a97e-00dd8583457e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735605233" name="image" descr="{&quot;templafy&quot;:{&quot;id&quot;:&quot;57755af7-9948-4f1f-aeb6-7f8316d365a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47548884-0b97-4d7f-961f-a8b86ca0b3e4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3d8dbddb-8e2b-4779-8c29-6506a23216ff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4fabdb03-8425-4c90-855b-74fd42883c6f&quot;}}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  <p:sp>
        <p:nvSpPr>
          <p:cNvPr id="12" name="text" descr="{&quot;templafy&quot;:{&quot;id&quot;:&quot;e5bed973-c11d-4277-9cd7-d1e5b5edcf21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389003739" name="image" descr="{&quot;templafy&quot;:{&quot;id&quot;:&quot;054dfebd-4e56-4648-ab4d-56880e87875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350964456" name="image" descr="{&quot;templafy&quot;:{&quot;id&quot;:&quot;af4f601f-9028-4378-b8ad-2e5d770116c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26699275" name="image" descr="{&quot;templafy&quot;:{&quot;id&quot;:&quot;951b492f-a711-49cb-9121-054eb616ff9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533152122" name="image" descr="{&quot;templafy&quot;:{&quot;id&quot;:&quot;fe7d6c90-2d21-4958-9ddf-c89901af55b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41090820" name="image" descr="{&quot;templafy&quot;:{&quot;id&quot;:&quot;504cf105-5d6e-4462-8099-ab878fd0107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7" name="text" descr="{&quot;templafy&quot;:{&quot;id&quot;:&quot;c3003fd2-d80e-47b2-be8b-beb4632228d8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605346691" name="image" descr="{&quot;templafy&quot;:{&quot;id&quot;:&quot;0c285e67-5026-4778-9071-56d51425180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1d71b9d3-9097-4f12-bd55-e4f50499397c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5" name="text" descr="{&quot;templafy&quot;:{&quot;id&quot;:&quot;fa5a3c20-f10f-484e-84e5-7880213edcbf&quot;}}" hidden="1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6" name="text" descr="{&quot;templafy&quot;:{&quot;id&quot;:&quot;d2e40491-ba13-4fd8-8865-82b6642a9620&quot;}}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  <p:sp>
        <p:nvSpPr>
          <p:cNvPr id="18" name="text" descr="{&quot;templafy&quot;:{&quot;id&quot;:&quot;7f6a2b70-d8b8-4507-82b8-c1c2614f2977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78091003" name="image" descr="{&quot;templafy&quot;:{&quot;id&quot;:&quot;1e77f211-7cfd-42b1-bfe5-b305999f006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655663804" name="image" descr="{&quot;templafy&quot;:{&quot;id&quot;:&quot;7c64f0f9-8c4c-4b8a-8cec-9d05964ed18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09258197" name="image" descr="{&quot;templafy&quot;:{&quot;id&quot;:&quot;8c7567e1-a876-4ccf-9d2a-192d6ba1338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571273490" name="image" descr="{&quot;templafy&quot;:{&quot;id&quot;:&quot;be5a40ae-bef7-49c9-8e79-02392f5ed0a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76209618" name="image" descr="{&quot;templafy&quot;:{&quot;id&quot;:&quot;bc77c97a-4e11-4b9e-8c56-4bf8cdc8885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c8ca24b6-2ab5-4280-8b45-d29bc1050b74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Ole Gerner Jacobsen</a:t>
            </a:r>
          </a:p>
        </p:txBody>
      </p:sp>
      <p:sp>
        <p:nvSpPr>
          <p:cNvPr id="21" name="text" descr="{&quot;templafy&quot;:{&quot;id&quot;:&quot;79debd34-4aa8-43a6-872b-fa119d47b008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93964260" name="image" descr="{&quot;templafy&quot;:{&quot;id&quot;:&quot;ce652436-593d-4d1e-a0ad-112edf8b193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605365190" name="image" descr="{&quot;templafy&quot;:{&quot;id&quot;:&quot;41b5c15b-1945-4aae-a18a-859a19b3786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7" name="text" descr="{&quot;templafy&quot;:{&quot;id&quot;:&quot;3de2a0f5-a729-4c48-9ada-5bdb1bf1b90b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c70cc7e7-8db5-476d-a37a-db327de4693c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221515685" name="image" descr="{&quot;templafy&quot;:{&quot;id&quot;:&quot;2f5f6b87-93d7-4f6e-988b-cbad5775596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67064030" name="image" descr="{&quot;templafy&quot;:{&quot;id&quot;:&quot;9154b671-068a-4176-944f-64f9875b50e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30" name="text" descr="{&quot;templafy&quot;:{&quot;id&quot;:&quot;c35e4703-42c1-40d6-9d97-dd77ca8194aa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525676272" name="image" descr="{&quot;templafy&quot;:{&quot;id&quot;:&quot;cdbeb517-a8f8-4fc2-a3ce-8f1d9d860df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61884374" name="image" descr="{&quot;templafy&quot;:{&quot;id&quot;:&quot;eed808c7-6589-4756-95be-cdb98c1d2c9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1105915617" name="image" descr="{&quot;templafy&quot;:{&quot;id&quot;:&quot;62f070d6-98c0-43f1-93a8-8608e29b91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52490549-84f0-4714-8fbb-46dfadc7401f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</a:t>
            </a:r>
          </a:p>
        </p:txBody>
      </p:sp>
      <p:sp>
        <p:nvSpPr>
          <p:cNvPr id="17" name="text" descr="{&quot;templafy&quot;:{&quot;id&quot;:&quot;170c1d24-cdd8-452c-a9ac-83add4d7ffca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b58e94e4-031a-4158-b11a-86cadd68f505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Center for Ejendomme</a:t>
            </a:r>
          </a:p>
        </p:txBody>
      </p:sp>
      <p:sp>
        <p:nvSpPr>
          <p:cNvPr id="22" name="text" descr="{&quot;templafy&quot;:{&quot;id&quot;:&quot;d86882f6-1856-4b2f-a46b-397d395206f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20255442" name="image" descr="{&quot;templafy&quot;:{&quot;id&quot;:&quot;861eb1e9-5dba-4a62-81e0-21aaebabdcf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67704306" name="image" descr="{&quot;templafy&quot;:{&quot;id&quot;:&quot;4d19209e-29fb-49a4-9ffd-680a8b24c29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b3c4bb93-c754-4e3d-928b-ca581545537d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Ole Gerner Jacobsen</a:t>
            </a:r>
          </a:p>
        </p:txBody>
      </p:sp>
      <p:sp>
        <p:nvSpPr>
          <p:cNvPr id="30" name="text" descr="{&quot;templafy&quot;:{&quot;id&quot;:&quot;a0eb394f-ec3f-447a-aa14-a1b831684388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1172462350" name="image" descr="{&quot;templafy&quot;:{&quot;id&quot;:&quot;4b6a532e-c34f-46eb-bda8-58be30e87a9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532575415" name="image" descr="{&quot;templafy&quot;:{&quot;id&quot;:&quot;0b3d6adb-e598-42d5-9215-267dccd94af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753491409" name="image" descr="{&quot;templafy&quot;:{&quot;id&quot;:&quot;f19550c7-0a5f-4de5-b564-6e9bd971b3b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703206379" name="image" descr="{&quot;templafy&quot;:{&quot;id&quot;:&quot;d2e42269-2fd3-4fe0-ac3c-50ca42576df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550513181" name="image" descr="{&quot;templafy&quot;:{&quot;id&quot;:&quot;a3bf9c70-195c-4853-b8f1-ed339fc370d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24477854" name="image" descr="{&quot;templafy&quot;:{&quot;id&quot;:&quot;83ef869c-19ae-4544-a6bb-23f5fa61a85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8b49c607-6a77-4c22-aade-bd7d2f59150b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2" name="text" descr="{&quot;templafy&quot;:{&quot;id&quot;:&quot;557e1b2a-221d-4d30-8eb0-a9b5cd61a696&quot;}}" hidden="1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ddde006e-454f-4cba-9dcd-aaeb998aacff&quot;}}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  <p:sp>
        <p:nvSpPr>
          <p:cNvPr id="14" name="text" descr="{&quot;templafy&quot;:{&quot;id&quot;:&quot;ad859e03-bfab-4b0e-a2a4-edfb13a58744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788941980" name="image" descr="{&quot;templafy&quot;:{&quot;id&quot;:&quot;5ad5a031-352d-4749-90b0-1211f31d6f6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22973309" name="image" descr="{&quot;templafy&quot;:{&quot;id&quot;:&quot;2f0ad3b1-ceeb-4ad6-8d57-ca795b7f6ee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448873327" name="image" descr="{&quot;templafy&quot;:{&quot;id&quot;:&quot;8b937858-654a-427f-88c6-e5188b6e1f8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8" name="text" descr="{&quot;templafy&quot;:{&quot;id&quot;:&quot;b43ec1cd-647f-42ec-9ea4-f0c16a575ff2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526362671" name="image" descr="{&quot;templafy&quot;:{&quot;id&quot;:&quot;c775cee3-50c0-4e6e-9268-04855c6b783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001398339" name="image" descr="{&quot;templafy&quot;:{&quot;id&quot;:&quot;56e333ab-7989-489c-bba3-9c6f95728d5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557994341" name="image" descr="{&quot;templafy&quot;:{&quot;id&quot;:&quot;e9641328-bda3-48c5-b36f-bf26913cc47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36993790" name="image" descr="{&quot;templafy&quot;:{&quot;id&quot;:&quot;541987e4-314b-4276-96e9-4700b5fcae0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d1209519-664e-4e3e-868c-12cd7e9642ad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</a:t>
            </a:r>
          </a:p>
        </p:txBody>
      </p:sp>
      <p:sp>
        <p:nvSpPr>
          <p:cNvPr id="27" name="text" descr="{&quot;templafy&quot;:{&quot;id&quot;:&quot;a418e16c-e442-4a59-8fc5-2714673d0083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8" name="text" descr="{&quot;templafy&quot;:{&quot;id&quot;:&quot;a8f03d2d-75d0-43f9-a3df-8228e1100a24&quot;}}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Center for Ejendomme</a:t>
            </a:r>
          </a:p>
        </p:txBody>
      </p:sp>
      <p:sp>
        <p:nvSpPr>
          <p:cNvPr id="36" name="text" descr="{&quot;templafy&quot;:{&quot;id&quot;:&quot;37de9d04-9779-469e-aa19-b39e5590e200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924072006" name="image" descr="{&quot;templafy&quot;:{&quot;id&quot;:&quot;c260dc19-14db-44f6-904a-717d3486946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75566176" name="image" descr="{&quot;templafy&quot;:{&quot;id&quot;:&quot;912aa6af-f2a5-42cd-a6dc-fdec23de632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68072f16-f293-450e-8169-a4ca4dc559ce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Ole Gerner Jacobsen</a:t>
            </a:r>
          </a:p>
        </p:txBody>
      </p:sp>
      <p:sp>
        <p:nvSpPr>
          <p:cNvPr id="30" name="text" descr="{&quot;templafy&quot;:{&quot;id&quot;:&quot;b78bf77c-cf98-4730-8906-d0c6ce30428d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95015968" name="image" descr="{&quot;templafy&quot;:{&quot;id&quot;:&quot;1886db41-dffb-4042-acd4-8b08f04f68c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576000" y="6080123"/>
            <a:ext cx="373952" cy="489879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7114776"/>
      </p:ext>
    </p:extLst>
  </p:cSld>
  <p:clrMapOvr>
    <a:masterClrMapping/>
  </p:clrMapOvr>
  <p:transition spd="med">
    <p:fade/>
  </p:transition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84E6EAC-0A0E-4CD0-BD5D-024B975ED5DC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da-DK"/>
              <a:t>Klik for at redigere titeltypografien i masteren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549F2167-CB15-457B-8ECD-0F4BF603B4B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/>
              <a:t>Klik for at redigere undertiteltypografien i masteren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F454E52-547F-43E9-8D86-7055A4317F2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A26C2C4-A5FF-4360-98F9-9EDCA68E4C20}" type="datetimeFigureOut">
              <a:rPr lang="da-DK" smtClean="0"/>
              <a:t>29-09-2022</a:t>
            </a:fld>
            <a:endParaRPr lang="da-DK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EA3A3F8A-65ED-40FE-933C-4674409E6C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2AC71C76-8185-44B2-85BF-1483FCA50F2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5D7852-DB65-4E19-9453-958CD4C5D848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2142860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678660723" name="image" descr="{&quot;templafy&quot;:{&quot;id&quot;:&quot;65464e1f-97d4-4f4c-93ce-2100989ffcd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466212589" name="image" descr="{&quot;templafy&quot;:{&quot;id&quot;:&quot;efc26744-009c-4932-ad22-e209ad591af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94f81730-01f5-4f69-93be-8c8e13eba7ca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976903050" name="image" descr="{&quot;templafy&quot;:{&quot;id&quot;:&quot;5979f429-6a15-443a-ab45-0e5d708155a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21786671" name="image" descr="{&quot;templafy&quot;:{&quot;id&quot;:&quot;b596e422-16eb-4dd4-b99b-62f9daedb6a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65151598" name="image" descr="{&quot;templafy&quot;:{&quot;id&quot;:&quot;828d6b56-318d-4889-a306-0ac90d1b813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1be1edd0-82eb-43c4-8bef-59f4fd7a6b06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29" name="text" descr="{&quot;templafy&quot;:{&quot;id&quot;:&quot;e23c1989-6cc7-49c9-9235-a450afa63a83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1" name="text" descr="{&quot;templafy&quot;:{&quot;id&quot;:&quot;7788beb3-20a1-4d4a-80f6-8ef05399f660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16937569" name="image" descr="{&quot;templafy&quot;:{&quot;id&quot;:&quot;3fb8d62e-83ee-4c1b-934d-56f1f6cbce0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577929503" name="image" descr="{&quot;templafy&quot;:{&quot;id&quot;:&quot;15f0c496-50af-41b0-95a5-1b746c80e0c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2104537131" name="image" descr="{&quot;templafy&quot;:{&quot;id&quot;:&quot;5d8bd633-6ad5-4d46-bef9-12dab2d2eb2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Billede 12">
            <a:extLst>
              <a:ext uri="{FF2B5EF4-FFF2-40B4-BE49-F238E27FC236}">
                <a16:creationId xmlns:a16="http://schemas.microsoft.com/office/drawing/2014/main" id="{F331C152-83AE-4CC2-918E-3A41D738EB71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4952"/>
          <a:stretch/>
        </p:blipFill>
        <p:spPr>
          <a:xfrm>
            <a:off x="0" y="2023042"/>
            <a:ext cx="12192000" cy="4834957"/>
          </a:xfrm>
          <a:prstGeom prst="rect">
            <a:avLst/>
          </a:prstGeom>
        </p:spPr>
      </p:pic>
      <p:sp>
        <p:nvSpPr>
          <p:cNvPr id="22" name="Rektangel 21">
            <a:extLst>
              <a:ext uri="{FF2B5EF4-FFF2-40B4-BE49-F238E27FC236}">
                <a16:creationId xmlns:a16="http://schemas.microsoft.com/office/drawing/2014/main" id="{683EB3E0-3341-498E-85B6-C250852B81FE}"/>
              </a:ext>
            </a:extLst>
          </p:cNvPr>
          <p:cNvSpPr/>
          <p:nvPr userDrawn="1"/>
        </p:nvSpPr>
        <p:spPr>
          <a:xfrm>
            <a:off x="0" y="3"/>
            <a:ext cx="683568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013" dirty="0"/>
          </a:p>
        </p:txBody>
      </p:sp>
      <p:pic>
        <p:nvPicPr>
          <p:cNvPr id="819265283" name="image" descr="{&quot;templafy&quot;:{&quot;id&quot;:&quot;c19258b0-9f26-48d4-af9c-8bca836c0e2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2040924"/>
            <a:ext cx="684000" cy="4820400"/>
          </a:xfrm>
          <a:prstGeom prst="rect">
            <a:avLst/>
          </a:prstGeom>
        </p:spPr>
      </p:pic>
      <p:grpSp>
        <p:nvGrpSpPr>
          <p:cNvPr id="14" name="Gruppe 13">
            <a:extLst>
              <a:ext uri="{FF2B5EF4-FFF2-40B4-BE49-F238E27FC236}">
                <a16:creationId xmlns:a16="http://schemas.microsoft.com/office/drawing/2014/main" id="{933D2236-9B1D-4D65-9449-E64046BF62F1}"/>
              </a:ext>
            </a:extLst>
          </p:cNvPr>
          <p:cNvGrpSpPr/>
          <p:nvPr userDrawn="1"/>
        </p:nvGrpSpPr>
        <p:grpSpPr>
          <a:xfrm>
            <a:off x="457200" y="1584000"/>
            <a:ext cx="687600" cy="687600"/>
            <a:chOff x="457200" y="1584000"/>
            <a:chExt cx="687600" cy="687600"/>
          </a:xfrm>
        </p:grpSpPr>
        <p:pic>
          <p:nvPicPr>
            <p:cNvPr id="137014645" name="image" descr="{&quot;templafy&quot;:{&quot;id&quot;:&quot;89c65017-c54f-40dc-83ae-d573db520943&quot;}}"/>
            <p:cNvPicPr>
              <a:picLocks noChangeAspect="1"/>
            </p:cNvPicPr>
            <p:nvPr userDrawn="1"/>
          </p:nvPicPr>
          <p:blipFill>
            <a:blip r:embed="rId4"/>
            <a:stretch>
              <a:fillRect/>
            </a:stretch>
          </p:blipFill>
          <p:spPr>
            <a:xfrm>
              <a:off x="457200" y="1584000"/>
              <a:ext cx="687600" cy="687600"/>
            </a:xfrm>
            <a:prstGeom prst="rect">
              <a:avLst/>
            </a:prstGeom>
          </p:spPr>
        </p:pic>
        <p:pic>
          <p:nvPicPr>
            <p:cNvPr id="25" name="Region">
              <a:extLst>
                <a:ext uri="{FF2B5EF4-FFF2-40B4-BE49-F238E27FC236}">
                  <a16:creationId xmlns:a16="http://schemas.microsoft.com/office/drawing/2014/main" id="{55FD13A4-D9BD-4B21-9B2C-0F540E45261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13736" y="1629407"/>
              <a:ext cx="116417" cy="594784"/>
            </a:xfrm>
            <a:prstGeom prst="rect">
              <a:avLst/>
            </a:prstGeom>
          </p:spPr>
        </p:pic>
      </p:grpSp>
      <p:sp>
        <p:nvSpPr>
          <p:cNvPr id="19" name="text" descr="{&quot;templafy&quot;:{&quot;id&quot;:&quot;a0d7be1e-487e-4dea-87ff-f72049c0d040&quot;}}" hidden="1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563" dirty="0" err="1">
                <a:solidFill>
                  <a:schemeClr val="bg1"/>
                </a:solidFill>
              </a:rPr>
              <a:t>Julie Bossow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480512253" name="image" descr="{&quot;templafy&quot;:{&quot;id&quot;:&quot;80fcf382-c598-4407-b9a8-662124c13798&quot;}}"/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9" name="text" descr="{&quot;templafy&quot;:{&quot;id&quot;:&quot;bf415da7-1b39-45e0-97f5-5145cf8644e4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41" y="417606"/>
            <a:ext cx="51482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788" dirty="0"/>
          </a:p>
        </p:txBody>
      </p:sp>
      <p:sp>
        <p:nvSpPr>
          <p:cNvPr id="39" name="Titel 1">
            <a:extLst>
              <a:ext uri="{FF2B5EF4-FFF2-40B4-BE49-F238E27FC236}">
                <a16:creationId xmlns:a16="http://schemas.microsoft.com/office/drawing/2014/main" id="{635E6744-B6E0-4555-AF34-00DEAAAE4F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  <a:prstGeom prst="rect">
            <a:avLst/>
          </a:prstGeom>
        </p:spPr>
        <p:txBody>
          <a:bodyPr anchor="t" anchorCtr="0"/>
          <a:lstStyle>
            <a:lvl1pPr>
              <a:defRPr sz="3800" baseline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Workshop om </a:t>
            </a:r>
            <a:br>
              <a:rPr lang="da-DK" dirty="0"/>
            </a:br>
            <a:r>
              <a:rPr lang="da-DK" dirty="0"/>
              <a:t>Smart Readiness </a:t>
            </a:r>
            <a:r>
              <a:rPr lang="da-DK" dirty="0" err="1"/>
              <a:t>Indicators</a:t>
            </a:r>
            <a:endParaRPr lang="da-DK" dirty="0"/>
          </a:p>
        </p:txBody>
      </p:sp>
      <p:sp>
        <p:nvSpPr>
          <p:cNvPr id="40" name="Undertitel 2">
            <a:extLst>
              <a:ext uri="{FF2B5EF4-FFF2-40B4-BE49-F238E27FC236}">
                <a16:creationId xmlns:a16="http://schemas.microsoft.com/office/drawing/2014/main" id="{BF50F56B-9482-4A96-B56E-09F652ABAE3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  <a:prstGeom prst="rect">
            <a:avLst/>
          </a:prstGeo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Enhedschef Heine Knudsen</a:t>
            </a:r>
          </a:p>
          <a:p>
            <a:r>
              <a:rPr lang="da-DK" dirty="0"/>
              <a:t>Center for Ejendomme, Region Hovedstaden</a:t>
            </a:r>
          </a:p>
        </p:txBody>
      </p:sp>
      <p:sp>
        <p:nvSpPr>
          <p:cNvPr id="41" name="text" descr="{&quot;templafy&quot;:{&quot;id&quot;:&quot;f400f800-8ddd-4254-8c5d-c1d3c87b152c&quot;}}" title="Form.PresentationTitle">
            <a:extLst>
              <a:ext uri="{FF2B5EF4-FFF2-40B4-BE49-F238E27FC236}">
                <a16:creationId xmlns:a16="http://schemas.microsoft.com/office/drawing/2014/main" id="{F5B3BC4D-21F6-4B1B-A374-E8C54528BF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42" name="text" descr="{&quot;templafy&quot;:{&quot;id&quot;:&quot;a419ce8c-e9a4-4dbe-b7f8-eeae436cc964&quot;}}" title="UserProfile.Name">
            <a:extLst>
              <a:ext uri="{FF2B5EF4-FFF2-40B4-BE49-F238E27FC236}">
                <a16:creationId xmlns:a16="http://schemas.microsoft.com/office/drawing/2014/main" id="{FA952FBF-D41E-4E3A-8C16-8DEAA528058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baseline="0" dirty="0">
                <a:solidFill>
                  <a:schemeClr val="bg1"/>
                </a:solidFill>
              </a:rPr>
              <a:t>heine.knudsen@regionh.dk </a:t>
            </a:r>
            <a:r>
              <a:rPr lang="da-DK" sz="1000" dirty="0">
                <a:solidFill>
                  <a:schemeClr val="bg1"/>
                </a:solidFill>
              </a:rPr>
              <a:t>|  </a:t>
            </a:r>
            <a:r>
              <a:rPr lang="da-DK" sz="1000" baseline="0" dirty="0">
                <a:solidFill>
                  <a:schemeClr val="bg1"/>
                </a:solidFill>
              </a:rPr>
              <a:t> 1. april </a:t>
            </a:r>
            <a:r>
              <a:rPr lang="da-DK" sz="1000" dirty="0">
                <a:solidFill>
                  <a:schemeClr val="bg1"/>
                </a:solidFill>
              </a:rPr>
              <a:t>2021</a:t>
            </a:r>
          </a:p>
        </p:txBody>
      </p:sp>
      <p:pic>
        <p:nvPicPr>
          <p:cNvPr id="43" name="image" descr="{&quot;templafy&quot;:{&quot;id&quot;:&quot;245a62e3-7072-4809-a0e4-0fcc534a6510&quot;}}">
            <a:extLst>
              <a:ext uri="{FF2B5EF4-FFF2-40B4-BE49-F238E27FC236}">
                <a16:creationId xmlns:a16="http://schemas.microsoft.com/office/drawing/2014/main" id="{FB7ADB33-83F8-4347-A3A7-87BA0492964C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44" name="image" descr="{&quot;templafy&quot;:{&quot;id&quot;:&quot;b7c02e96-4bfb-42bf-835b-c2fd411c2d95&quot;}}">
            <a:extLst>
              <a:ext uri="{FF2B5EF4-FFF2-40B4-BE49-F238E27FC236}">
                <a16:creationId xmlns:a16="http://schemas.microsoft.com/office/drawing/2014/main" id="{B8BA6B32-7EC6-46A5-9641-B0B67FFD2B3C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45" name="text" descr="{&quot;templafy&quot;:{&quot;id&quot;:&quot;b7a10e92-7a31-4663-b854-1732ed5b7272&quot;}}" title="UserProfile.Office.Virksomhed_{{DocumentLanguage}}">
            <a:extLst>
              <a:ext uri="{FF2B5EF4-FFF2-40B4-BE49-F238E27FC236}">
                <a16:creationId xmlns:a16="http://schemas.microsoft.com/office/drawing/2014/main" id="{ACAC7435-4655-4D9F-BF32-63E78512979B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46" name="text" descr="{&quot;templafy&quot;:{&quot;id&quot;:&quot;139fde93-cba2-46f2-97db-4af03a4facb9&quot;}}" title="UserProfile.Centers.Center_{{DocumentLanguage}}">
            <a:extLst>
              <a:ext uri="{FF2B5EF4-FFF2-40B4-BE49-F238E27FC236}">
                <a16:creationId xmlns:a16="http://schemas.microsoft.com/office/drawing/2014/main" id="{7A8816A3-35A3-4587-B9AC-ADA092B849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</p:spTree>
    <p:extLst>
      <p:ext uri="{BB962C8B-B14F-4D97-AF65-F5344CB8AC3E}">
        <p14:creationId xmlns:p14="http://schemas.microsoft.com/office/powerpoint/2010/main" val="2921361106"/>
      </p:ext>
    </p:extLst>
  </p:cSld>
  <p:clrMapOvr>
    <a:masterClrMapping/>
  </p:clrMapOvr>
  <p:transition spd="slow">
    <p:wip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" descr="{&quot;templafy&quot;:{&quot;id&quot;:&quot;c48207ac-5418-408d-a0e1-7eab9292ae1d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41" y="417606"/>
            <a:ext cx="5148263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788" dirty="0"/>
          </a:p>
        </p:txBody>
      </p:sp>
      <p:pic>
        <p:nvPicPr>
          <p:cNvPr id="1443804301" name="image" descr="{&quot;templafy&quot;:{&quot;id&quot;:&quot;5fc22437-87af-49f9-9404-dec6665ad9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641403608" name="image" descr="{&quot;templafy&quot;:{&quot;id&quot;:&quot;7ad96358-7f8b-4ad6-b0aa-ef62bf27ce6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6" y="5763982"/>
            <a:ext cx="116417" cy="594784"/>
          </a:xfrm>
          <a:prstGeom prst="rect">
            <a:avLst/>
          </a:prstGeom>
        </p:spPr>
      </p:pic>
      <p:pic>
        <p:nvPicPr>
          <p:cNvPr id="1315158779" name="image" descr="{&quot;templafy&quot;:{&quot;id&quot;:&quot;f6106156-1ef9-4a76-8928-2cea1a6c6403&quot;}}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08935103" name="image" descr="{&quot;templafy&quot;:{&quot;id&quot;:&quot;78e0cb53-22c8-49f5-96f6-07e3d880d736&quot;}}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902712970" name="image" descr="{&quot;templafy&quot;:{&quot;id&quot;:&quot;cbe7ceac-cd27-41d2-ad4a-21291f377343&quot;}}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542694973" name="image" descr="{&quot;templafy&quot;:{&quot;id&quot;:&quot;3aedfc17-5a10-4adc-a68e-5a7580a92a6a&quot;}}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2" name="text" descr="{&quot;templafy&quot;:{&quot;id&quot;:&quot;7a9a08ba-f35b-4a3c-a618-64c9e8ce2725&quot;}}" hidden="1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563" dirty="0" err="1">
                <a:solidFill>
                  <a:schemeClr val="bg1"/>
                </a:solidFill>
              </a:rPr>
              <a:t>Julie Bossow</a:t>
            </a:r>
          </a:p>
        </p:txBody>
      </p:sp>
      <p:sp>
        <p:nvSpPr>
          <p:cNvPr id="27" name="Pladsholder til titel 1">
            <a:extLst>
              <a:ext uri="{FF2B5EF4-FFF2-40B4-BE49-F238E27FC236}">
                <a16:creationId xmlns:a16="http://schemas.microsoft.com/office/drawing/2014/main" id="{E3F1BECE-AE53-45AA-8A76-2CD222DE8A2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41901" y="4175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>
              <a:defRPr sz="2800" baseline="0"/>
            </a:lvl1pPr>
          </a:lstStyle>
          <a:p>
            <a:r>
              <a:rPr lang="da-DK" dirty="0"/>
              <a:t>Smart Readiness </a:t>
            </a:r>
            <a:r>
              <a:rPr lang="da-DK" dirty="0" err="1"/>
              <a:t>Indicators</a:t>
            </a:r>
            <a:endParaRPr lang="da-DK" dirty="0"/>
          </a:p>
        </p:txBody>
      </p:sp>
      <p:sp>
        <p:nvSpPr>
          <p:cNvPr id="28" name="Pladsholder til diasnummer 5">
            <a:extLst>
              <a:ext uri="{FF2B5EF4-FFF2-40B4-BE49-F238E27FC236}">
                <a16:creationId xmlns:a16="http://schemas.microsoft.com/office/drawing/2014/main" id="{7D1B3482-CA9F-4276-A52E-F6B71B9C8CEA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657013" y="64404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da-DK" dirty="0"/>
              <a:t>1</a:t>
            </a:r>
          </a:p>
        </p:txBody>
      </p:sp>
      <p:sp>
        <p:nvSpPr>
          <p:cNvPr id="30" name="Pladsholder til tekst 2">
            <a:extLst>
              <a:ext uri="{FF2B5EF4-FFF2-40B4-BE49-F238E27FC236}">
                <a16:creationId xmlns:a16="http://schemas.microsoft.com/office/drawing/2014/main" id="{A4142F53-EA21-4FDD-AC19-34F5FF64977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366838" y="1556792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sz="2200"/>
            </a:lvl1pPr>
            <a:lvl2pPr marL="202500" indent="0">
              <a:buNone/>
              <a:defRPr sz="1900" b="1" baseline="0"/>
            </a:lvl2pPr>
            <a:lvl3pPr marL="465750" indent="-70875">
              <a:buFont typeface="Courier New" panose="02070309020205020404" pitchFamily="49" charset="0"/>
              <a:buChar char="o"/>
              <a:defRPr sz="1700" baseline="0"/>
            </a:lvl3pPr>
            <a:lvl4pPr>
              <a:defRPr sz="1600"/>
            </a:lvl4pPr>
            <a:lvl5pPr>
              <a:defRPr sz="1400"/>
            </a:lvl5pPr>
            <a:lvl6pPr>
              <a:defRPr sz="1200"/>
            </a:lvl6pPr>
            <a:lvl7pPr>
              <a:defRPr sz="1100"/>
            </a:lvl7pPr>
            <a:lvl8pPr>
              <a:defRPr sz="1000"/>
            </a:lvl8pPr>
            <a:lvl9pPr>
              <a:defRPr sz="900"/>
            </a:lvl9pPr>
          </a:lstStyle>
          <a:p>
            <a:pPr lvl="1"/>
            <a:r>
              <a:rPr lang="da-DK" dirty="0"/>
              <a:t> Vigtigste kategori og udbytte</a:t>
            </a:r>
          </a:p>
          <a:p>
            <a:pPr lvl="2"/>
            <a:r>
              <a:rPr lang="da-DK" dirty="0"/>
              <a:t> Kort sigt: Energibesparelser, Vedligeholdelse og Forudsigelser, Komfort</a:t>
            </a:r>
          </a:p>
          <a:p>
            <a:pPr lvl="2"/>
            <a:r>
              <a:rPr lang="da-DK" dirty="0"/>
              <a:t> Længere sigt: </a:t>
            </a:r>
            <a:r>
              <a:rPr lang="da-DK" dirty="0" err="1"/>
              <a:t>Energifleksibiltet</a:t>
            </a:r>
            <a:r>
              <a:rPr lang="da-DK" dirty="0"/>
              <a:t>, Sundhed,…</a:t>
            </a:r>
          </a:p>
          <a:p>
            <a:pPr lvl="1"/>
            <a:endParaRPr lang="da-DK" dirty="0"/>
          </a:p>
          <a:p>
            <a:pPr lvl="1"/>
            <a:r>
              <a:rPr lang="da-DK" dirty="0"/>
              <a:t> Værdi for brugerne?</a:t>
            </a:r>
          </a:p>
          <a:p>
            <a:pPr lvl="2"/>
            <a:r>
              <a:rPr lang="da-DK" dirty="0"/>
              <a:t> SRI- mærket alene</a:t>
            </a:r>
          </a:p>
          <a:p>
            <a:pPr lvl="2"/>
            <a:r>
              <a:rPr lang="da-DK" dirty="0"/>
              <a:t> Ændrede prioriteter</a:t>
            </a:r>
          </a:p>
          <a:p>
            <a:pPr lvl="1"/>
            <a:endParaRPr lang="da-DK" dirty="0"/>
          </a:p>
          <a:p>
            <a:pPr lvl="1"/>
            <a:r>
              <a:rPr lang="da-DK" dirty="0"/>
              <a:t> Energistyrelsens testfase</a:t>
            </a:r>
          </a:p>
          <a:p>
            <a:pPr lvl="2"/>
            <a:r>
              <a:rPr lang="da-DK" dirty="0"/>
              <a:t> Kendskab</a:t>
            </a:r>
          </a:p>
          <a:p>
            <a:pPr lvl="2"/>
            <a:r>
              <a:rPr lang="da-DK" dirty="0"/>
              <a:t> Cases</a:t>
            </a:r>
          </a:p>
          <a:p>
            <a:pPr lvl="2"/>
            <a:r>
              <a:rPr lang="da-DK" dirty="0"/>
              <a:t> Integration</a:t>
            </a:r>
          </a:p>
        </p:txBody>
      </p:sp>
    </p:spTree>
    <p:extLst>
      <p:ext uri="{BB962C8B-B14F-4D97-AF65-F5344CB8AC3E}">
        <p14:creationId xmlns:p14="http://schemas.microsoft.com/office/powerpoint/2010/main" val="4111146788"/>
      </p:ext>
    </p:extLst>
  </p:cSld>
  <p:clrMapOvr>
    <a:masterClrMapping/>
  </p:clrMapOvr>
  <p:transition spd="slow">
    <p:wipe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eldia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914400" y="2130426"/>
            <a:ext cx="10363200" cy="1470025"/>
          </a:xfrm>
        </p:spPr>
        <p:txBody>
          <a:bodyPr/>
          <a:lstStyle/>
          <a:p>
            <a:r>
              <a:rPr lang="da-DK"/>
              <a:t>Klik for at redigere i mast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>
          <a:xfrm>
            <a:off x="1828800" y="3886200"/>
            <a:ext cx="8534400" cy="1752600"/>
          </a:xfrm>
        </p:spPr>
        <p:txBody>
          <a:bodyPr/>
          <a:lstStyle>
            <a:lvl1pPr marL="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/>
              <a:t>Klik for at redigere i master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 sz="1000"/>
            </a:lvl1pPr>
          </a:lstStyle>
          <a:p>
            <a:fld id="{C255420A-857F-45B4-8F27-D01DE73D2C7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6334027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815414" y="2038154"/>
            <a:ext cx="11376009" cy="4822421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1" name="Rektangel 10"/>
          <p:cNvSpPr/>
          <p:nvPr userDrawn="1"/>
        </p:nvSpPr>
        <p:spPr>
          <a:xfrm>
            <a:off x="11280000" y="2040924"/>
            <a:ext cx="911424" cy="4819847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2" name="Rektangel 11"/>
          <p:cNvSpPr/>
          <p:nvPr userDrawn="1"/>
        </p:nvSpPr>
        <p:spPr>
          <a:xfrm>
            <a:off x="0" y="0"/>
            <a:ext cx="911424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3" name="Rektangel 12"/>
          <p:cNvSpPr/>
          <p:nvPr userDrawn="1"/>
        </p:nvSpPr>
        <p:spPr>
          <a:xfrm>
            <a:off x="0" y="2040924"/>
            <a:ext cx="911424" cy="4819847"/>
          </a:xfrm>
          <a:prstGeom prst="rect">
            <a:avLst/>
          </a:prstGeom>
          <a:solidFill>
            <a:srgbClr val="1F29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828801" y="2720891"/>
            <a:ext cx="8536833" cy="1981738"/>
          </a:xfrm>
        </p:spPr>
        <p:txBody>
          <a:bodyPr anchor="t" anchorCtr="0"/>
          <a:lstStyle>
            <a:lvl1pPr>
              <a:defRPr sz="37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7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828800" y="5101432"/>
            <a:ext cx="8534400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9" name="Pladsholder til tekst 3"/>
          <p:cNvSpPr>
            <a:spLocks noGrp="1"/>
          </p:cNvSpPr>
          <p:nvPr>
            <p:ph type="body" sz="quarter" idx="13" hasCustomPrompt="1"/>
          </p:nvPr>
        </p:nvSpPr>
        <p:spPr>
          <a:xfrm>
            <a:off x="1828800" y="399192"/>
            <a:ext cx="9456000" cy="358444"/>
          </a:xfrm>
        </p:spPr>
        <p:txBody>
          <a:bodyPr/>
          <a:lstStyle>
            <a:lvl1pPr marL="0" indent="0">
              <a:buNone/>
              <a:defRPr lang="da-DK" sz="1200" b="1" kern="120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da-DK" dirty="0"/>
              <a:t>Evt. center/afdeling/enhed skrives her</a:t>
            </a:r>
          </a:p>
        </p:txBody>
      </p:sp>
      <p:sp>
        <p:nvSpPr>
          <p:cNvPr id="17" name="Tekstfelt 4"/>
          <p:cNvSpPr txBox="1"/>
          <p:nvPr userDrawn="1"/>
        </p:nvSpPr>
        <p:spPr>
          <a:xfrm>
            <a:off x="1828800" y="207098"/>
            <a:ext cx="3120347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grpSp>
        <p:nvGrpSpPr>
          <p:cNvPr id="14" name="Logo"/>
          <p:cNvGrpSpPr/>
          <p:nvPr userDrawn="1"/>
        </p:nvGrpSpPr>
        <p:grpSpPr>
          <a:xfrm>
            <a:off x="609601" y="1584001"/>
            <a:ext cx="914367" cy="685775"/>
            <a:chOff x="5871397" y="3561347"/>
            <a:chExt cx="2057324" cy="2057324"/>
          </a:xfrm>
        </p:grpSpPr>
        <p:pic>
          <p:nvPicPr>
            <p:cNvPr id="15" name="Billede 14"/>
            <p:cNvPicPr>
              <a:picLocks noChangeAspect="1"/>
            </p:cNvPicPr>
            <p:nvPr userDrawn="1"/>
          </p:nvPicPr>
          <p:blipFill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871397" y="3561347"/>
              <a:ext cx="2057324" cy="2057324"/>
            </a:xfrm>
            <a:prstGeom prst="rect">
              <a:avLst/>
            </a:prstGeom>
          </p:spPr>
        </p:pic>
        <p:pic>
          <p:nvPicPr>
            <p:cNvPr id="16" name="Billede 15"/>
            <p:cNvPicPr>
              <a:picLocks noChangeAspect="1"/>
            </p:cNvPicPr>
            <p:nvPr userDrawn="1"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040992" y="3692094"/>
              <a:ext cx="349250" cy="1784350"/>
            </a:xfrm>
            <a:prstGeom prst="rect">
              <a:avLst/>
            </a:prstGeom>
          </p:spPr>
        </p:pic>
      </p:grpSp>
      <p:sp>
        <p:nvSpPr>
          <p:cNvPr id="22" name="AutoShape 4"/>
          <p:cNvSpPr>
            <a:spLocks/>
          </p:cNvSpPr>
          <p:nvPr userDrawn="1"/>
        </p:nvSpPr>
        <p:spPr bwMode="gray">
          <a:xfrm>
            <a:off x="12388287" y="10191"/>
            <a:ext cx="2323588" cy="10977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 defTabSz="457200" eaLnBrk="0" hangingPunct="0">
              <a:spcBef>
                <a:spcPct val="20000"/>
              </a:spcBef>
              <a:buChar char="•"/>
              <a:tabLst>
                <a:tab pos="177800" algn="l"/>
              </a:tabLst>
              <a:defRPr sz="3200">
                <a:solidFill>
                  <a:schemeClr val="tx1"/>
                </a:solidFill>
                <a:latin typeface="Arial" charset="0"/>
              </a:defRPr>
            </a:lvl1pPr>
            <a:lvl2pPr marL="742950" indent="-285750" defTabSz="457200" eaLnBrk="0" hangingPunct="0">
              <a:spcBef>
                <a:spcPct val="20000"/>
              </a:spcBef>
              <a:buChar char="–"/>
              <a:tabLst>
                <a:tab pos="177800" algn="l"/>
              </a:tabLst>
              <a:defRPr sz="2800">
                <a:solidFill>
                  <a:schemeClr val="tx1"/>
                </a:solidFill>
                <a:latin typeface="Arial" charset="0"/>
              </a:defRPr>
            </a:lvl2pPr>
            <a:lvl3pPr marL="1143000" indent="-228600" defTabSz="457200" eaLnBrk="0" hangingPunct="0">
              <a:spcBef>
                <a:spcPct val="20000"/>
              </a:spcBef>
              <a:buChar char="•"/>
              <a:tabLst>
                <a:tab pos="177800" algn="l"/>
              </a:tabLst>
              <a:defRPr sz="2400">
                <a:solidFill>
                  <a:schemeClr val="tx1"/>
                </a:solidFill>
                <a:latin typeface="Arial" charset="0"/>
              </a:defRPr>
            </a:lvl3pPr>
            <a:lvl4pPr marL="1600200" indent="-228600" defTabSz="457200" eaLnBrk="0" hangingPunct="0">
              <a:spcBef>
                <a:spcPct val="20000"/>
              </a:spcBef>
              <a:buChar char="–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4pPr>
            <a:lvl5pPr marL="2057400" indent="-228600" defTabSz="457200" eaLnBrk="0" hangingPunct="0">
              <a:spcBef>
                <a:spcPct val="20000"/>
              </a:spcBef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5pPr>
            <a:lvl6pPr marL="25146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6pPr>
            <a:lvl7pPr marL="29718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7pPr>
            <a:lvl8pPr marL="34290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8pPr>
            <a:lvl9pPr marL="38862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9pPr>
          </a:lstStyle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Indsæt hjælpelinjer til placering af objekter</a:t>
            </a:r>
          </a:p>
          <a:p>
            <a:pPr algn="l" eaLnBrk="1" hangingPunct="1">
              <a:spcBef>
                <a:spcPct val="0"/>
              </a:spcBef>
              <a:spcAft>
                <a:spcPts val="240"/>
              </a:spcAft>
              <a:buFontTx/>
              <a:buNone/>
              <a:defRPr/>
            </a:pP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Højreklik uden for slidet og vælg </a:t>
            </a: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Gitter og hjælpelinjer</a:t>
            </a:r>
          </a:p>
          <a:p>
            <a:pPr algn="l" eaLnBrk="1" hangingPunct="1">
              <a:spcBef>
                <a:spcPct val="0"/>
              </a:spcBef>
              <a:spcAft>
                <a:spcPts val="240"/>
              </a:spcAft>
              <a:buFontTx/>
              <a:buNone/>
              <a:defRPr/>
            </a:pP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Sæt kryds ved </a:t>
            </a: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Vis tegnehjælpelinjer på skærmen</a:t>
            </a:r>
          </a:p>
          <a:p>
            <a:pPr algn="l" eaLnBrk="1" hangingPunct="1">
              <a:spcBef>
                <a:spcPct val="0"/>
              </a:spcBef>
              <a:spcAft>
                <a:spcPts val="240"/>
              </a:spcAft>
              <a:buFontTx/>
              <a:buNone/>
              <a:defRPr/>
            </a:pP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3.</a:t>
            </a:r>
            <a:r>
              <a:rPr lang="da-DK" altLang="da-DK" sz="900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 Vælg </a:t>
            </a: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OK</a:t>
            </a:r>
          </a:p>
        </p:txBody>
      </p:sp>
      <p:grpSp>
        <p:nvGrpSpPr>
          <p:cNvPr id="18" name="Group 17"/>
          <p:cNvGrpSpPr/>
          <p:nvPr userDrawn="1"/>
        </p:nvGrpSpPr>
        <p:grpSpPr>
          <a:xfrm>
            <a:off x="-2929002" y="3952489"/>
            <a:ext cx="2728745" cy="2824883"/>
            <a:chOff x="-2196752" y="3952489"/>
            <a:chExt cx="2046559" cy="2824883"/>
          </a:xfrm>
        </p:grpSpPr>
        <p:grpSp>
          <p:nvGrpSpPr>
            <p:cNvPr id="25" name="Gruppe 24"/>
            <p:cNvGrpSpPr/>
            <p:nvPr userDrawn="1"/>
          </p:nvGrpSpPr>
          <p:grpSpPr>
            <a:xfrm>
              <a:off x="-2196752" y="3952489"/>
              <a:ext cx="2046559" cy="2824883"/>
              <a:chOff x="-2167432" y="3952489"/>
              <a:chExt cx="2046559" cy="2824883"/>
            </a:xfrm>
          </p:grpSpPr>
          <p:sp>
            <p:nvSpPr>
              <p:cNvPr id="20" name="Text Box 48"/>
              <p:cNvSpPr txBox="1">
                <a:spLocks noChangeArrowheads="1"/>
              </p:cNvSpPr>
              <p:nvPr/>
            </p:nvSpPr>
            <p:spPr bwMode="auto">
              <a:xfrm>
                <a:off x="-2167432" y="3952489"/>
                <a:ext cx="2046559" cy="1300356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 wrap="square" lIns="0" tIns="0" rIns="0" bIns="0">
                <a:spAutoFit/>
              </a:bodyPr>
              <a:lstStyle>
                <a:lvl1pPr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1pPr>
                <a:lvl2pPr marL="742950" indent="-285750"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2pPr>
                <a:lvl3pPr marL="1143000" indent="-228600"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3pPr>
                <a:lvl4pPr marL="1600200" indent="-228600"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4pPr>
                <a:lvl5pPr marL="2057400" indent="-228600"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5pPr>
                <a:lvl6pPr marL="2514600" indent="-228600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</a:defRPr>
                </a:lvl6pPr>
                <a:lvl7pPr marL="2971800" indent="-228600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</a:defRPr>
                </a:lvl7pPr>
                <a:lvl8pPr marL="3429000" indent="-228600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</a:defRPr>
                </a:lvl8pPr>
                <a:lvl9pPr marL="3886200" indent="-228600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</a:defRPr>
                </a:lvl9pPr>
              </a:lstStyle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Indsætte Titel/beskrivelse og Navn</a:t>
                </a: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alt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1. </a:t>
                </a:r>
                <a:r>
                  <a:rPr lang="da-DK" alt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Vælg </a:t>
                </a:r>
                <a:r>
                  <a:rPr lang="da-DK" alt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Indsæt</a:t>
                </a:r>
                <a:r>
                  <a:rPr lang="da-DK" alt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 i topmenuen </a:t>
                </a: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alt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2. </a:t>
                </a:r>
                <a:r>
                  <a:rPr lang="da-DK" alt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Vælg </a:t>
                </a:r>
                <a:r>
                  <a:rPr lang="da-DK" alt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Sidehoved og Sidefod</a:t>
                </a: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3. 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Indtast</a:t>
                </a:r>
                <a:r>
                  <a:rPr lang="da-DK" sz="900" baseline="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 dit navn, hvor der står </a:t>
                </a:r>
                <a:r>
                  <a:rPr lang="da-DK" sz="900" b="1" baseline="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Navn</a:t>
                </a:r>
                <a:endParaRPr lang="da-DK" sz="900" b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cs typeface="Arial" panose="020B0604020202020204" pitchFamily="34" charset="0"/>
                </a:endParaRP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4. 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Indsæt Titel/beskrivelse</a:t>
                </a:r>
                <a:r>
                  <a:rPr lang="da-DK" sz="900" baseline="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 hvor der står </a:t>
                </a:r>
                <a:r>
                  <a:rPr lang="da-DK" sz="900" b="1" kern="12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rPr>
                  <a:t>Titel/beskrivelse</a:t>
                </a:r>
                <a:endParaRPr lang="da-DK" sz="900" b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cs typeface="Arial" panose="020B0604020202020204" pitchFamily="34" charset="0"/>
                </a:endParaRP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5. 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Vælg </a:t>
                </a: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Anvend på alle 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eller </a:t>
                </a: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Anvend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 hvis det kun skal være på et enkel slide</a:t>
                </a:r>
              </a:p>
            </p:txBody>
          </p:sp>
          <p:grpSp>
            <p:nvGrpSpPr>
              <p:cNvPr id="9" name="Gruppe 8"/>
              <p:cNvGrpSpPr/>
              <p:nvPr userDrawn="1"/>
            </p:nvGrpSpPr>
            <p:grpSpPr>
              <a:xfrm>
                <a:off x="-2167432" y="5314312"/>
                <a:ext cx="2046559" cy="1463060"/>
                <a:chOff x="-2364901" y="4975472"/>
                <a:chExt cx="2046559" cy="1463060"/>
              </a:xfrm>
            </p:grpSpPr>
            <p:pic>
              <p:nvPicPr>
                <p:cNvPr id="2" name="Billede 1"/>
                <p:cNvPicPr>
                  <a:picLocks noChangeAspect="1"/>
                </p:cNvPicPr>
                <p:nvPr userDrawn="1"/>
              </p:nvPicPr>
              <p:blipFill>
                <a:blip r:embed="rId4"/>
                <a:stretch>
                  <a:fillRect/>
                </a:stretch>
              </p:blipFill>
              <p:spPr>
                <a:xfrm>
                  <a:off x="-2364901" y="4975472"/>
                  <a:ext cx="2046559" cy="1463060"/>
                </a:xfrm>
                <a:prstGeom prst="rect">
                  <a:avLst/>
                </a:prstGeom>
              </p:spPr>
            </p:pic>
            <p:sp>
              <p:nvSpPr>
                <p:cNvPr id="7" name="Rektangel 6"/>
                <p:cNvSpPr/>
                <p:nvPr userDrawn="1"/>
              </p:nvSpPr>
              <p:spPr>
                <a:xfrm>
                  <a:off x="-2157169" y="5721682"/>
                  <a:ext cx="1364573" cy="108100"/>
                </a:xfrm>
                <a:prstGeom prst="rect">
                  <a:avLst/>
                </a:prstGeom>
                <a:noFill/>
                <a:ln w="9525">
                  <a:solidFill>
                    <a:srgbClr val="FF000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ctr"/>
                <a:lstStyle/>
                <a:p>
                  <a:pPr algn="ctr"/>
                  <a:endParaRPr lang="da-DK" dirty="0"/>
                </a:p>
              </p:txBody>
            </p:sp>
            <p:sp>
              <p:nvSpPr>
                <p:cNvPr id="23" name="Rektangel 22"/>
                <p:cNvSpPr/>
                <p:nvPr userDrawn="1"/>
              </p:nvSpPr>
              <p:spPr>
                <a:xfrm>
                  <a:off x="-2202172" y="5952717"/>
                  <a:ext cx="1409576" cy="104575"/>
                </a:xfrm>
                <a:prstGeom prst="rect">
                  <a:avLst/>
                </a:prstGeom>
                <a:noFill/>
                <a:ln w="9525">
                  <a:solidFill>
                    <a:srgbClr val="FF000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ctr"/>
                <a:lstStyle/>
                <a:p>
                  <a:pPr algn="ctr"/>
                  <a:endParaRPr lang="da-DK" dirty="0"/>
                </a:p>
              </p:txBody>
            </p:sp>
          </p:grpSp>
        </p:grpSp>
        <p:pic>
          <p:nvPicPr>
            <p:cNvPr id="24" name="Billede 1"/>
            <p:cNvPicPr>
              <a:picLocks noChangeAspect="1"/>
            </p:cNvPicPr>
            <p:nvPr userDrawn="1"/>
          </p:nvPicPr>
          <p:blipFill rotWithShape="1">
            <a:blip r:embed="rId4"/>
            <a:srcRect l="6362" t="63226" r="91404" b="33649"/>
            <a:stretch/>
          </p:blipFill>
          <p:spPr>
            <a:xfrm>
              <a:off x="-2072073" y="6166241"/>
              <a:ext cx="45719" cy="45719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95115122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653120545" name="image" descr="{&quot;templafy&quot;:{&quot;id&quot;:&quot;76694b49-dd03-42cf-b74e-66e04aa475e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7" name="text" descr="{&quot;templafy&quot;:{&quot;id&quot;:&quot;ba8d7863-cf87-472e-8e67-33a06bfc1a8e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Energi og miljø</a:t>
            </a:r>
          </a:p>
        </p:txBody>
      </p:sp>
      <p:sp>
        <p:nvSpPr>
          <p:cNvPr id="22" name="text" descr="{&quot;templafy&quot;:{&quot;id&quot;:&quot;f5b814f0-b6e8-4682-b25a-2f4997630c57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102223643" name="image" descr="{&quot;templafy&quot;:{&quot;id&quot;:&quot;4553dc36-d6f4-4507-9f14-8c87e16627e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089914761" name="image" descr="{&quot;templafy&quot;:{&quot;id&quot;:&quot;fdb07c3b-4258-41ec-968f-2ffaa34a4ea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30" name="text" descr="{&quot;templafy&quot;:{&quot;id&quot;:&quot;57e59a06-03d1-4172-bf6b-6e5f72d1168a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449493775" name="image" descr="{&quot;templafy&quot;:{&quot;id&quot;:&quot;4641aba0-5846-489b-8a00-49a19a055f3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059032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 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10748770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576000" y="6080123"/>
            <a:ext cx="373952" cy="489879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7296197"/>
      </p:ext>
    </p:extLst>
  </p:cSld>
  <p:clrMapOvr>
    <a:masterClrMapping/>
  </p:clrMapOvr>
  <p:transition spd="med">
    <p:fade/>
  </p:transition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2038154"/>
            <a:ext cx="12191423" cy="4822421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2040924"/>
            <a:ext cx="683568" cy="4819847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683EB3E0-3341-498E-85B6-C250852B81FE}"/>
              </a:ext>
            </a:extLst>
          </p:cNvPr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598110012" name="LogoColorFront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2041200"/>
            <a:ext cx="684000" cy="4820400"/>
          </a:xfrm>
          <a:prstGeom prst="rect">
            <a:avLst/>
          </a:prstGeom>
        </p:spPr>
      </p:pic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  <a:endParaRPr lang="da-DK"/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>
          <a:xfrm>
            <a:off x="7892149" y="6289200"/>
            <a:ext cx="33876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>
          <a:xfrm>
            <a:off x="1366838" y="6290559"/>
            <a:ext cx="37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Mogens Kornbo, CEO, Centre for Real Estate</a:t>
            </a:r>
            <a:endParaRPr lang="da-DK" dirty="0"/>
          </a:p>
        </p:txBody>
      </p:sp>
      <p:pic>
        <p:nvPicPr>
          <p:cNvPr id="1640835481" name="LogoHFront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pic>
        <p:nvPicPr>
          <p:cNvPr id="1515421644" name="LogoGCMaster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4400" y="6314400"/>
            <a:ext cx="421200" cy="421200"/>
          </a:xfrm>
          <a:prstGeom prst="rect">
            <a:avLst/>
          </a:prstGeom>
        </p:spPr>
      </p:pic>
      <p:pic>
        <p:nvPicPr>
          <p:cNvPr id="382338506" name="Vaelg_VF_skabelon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0"/>
            <a:ext cx="12204000" cy="6876000"/>
          </a:xfrm>
          <a:prstGeom prst="rect">
            <a:avLst/>
          </a:prstGeom>
        </p:spPr>
      </p:pic>
      <p:pic>
        <p:nvPicPr>
          <p:cNvPr id="1032440859" name="Vaelg_Byg_skabelon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0" y="0"/>
            <a:ext cx="121896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2829778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 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51852488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sv-SE"/>
              <a:t>Mogens Kornbo, CEO, Centre for Real Esta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6606952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1418f995-f009-410c-a8b2-80e4287fd7e8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7" name="text" descr="{&quot;templafy&quot;:{&quot;id&quot;:&quot;78f3bb57-de5b-4d12-b094-8743360b9ef5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9" name="text" descr="{&quot;templafy&quot;:{&quot;id&quot;:&quot;8c48c4f6-5a23-453d-8d0d-40a5daac2b97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349869200" name="image" descr="{&quot;templafy&quot;:{&quot;id&quot;:&quot;c7438c21-c873-4efd-adfc-01521e88473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222878302" name="image" descr="{&quot;templafy&quot;:{&quot;id&quot;:&quot;73ece508-d758-4411-9539-cb8bfa91290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512683919" name="image" descr="{&quot;templafy&quot;:{&quot;id&quot;:&quot;ebb4f7a2-6506-4a83-aee8-1e920fec066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527448263" name="image" descr="{&quot;templafy&quot;:{&quot;id&quot;:&quot;8e869782-c1ba-4ff4-9ab0-92851673dca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46057223" name="image" descr="{&quot;templafy&quot;:{&quot;id&quot;:&quot;af567a7a-a99c-4bc8-88a8-b1612da85b0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3" name="text" descr="{&quot;templafy&quot;:{&quot;id&quot;:&quot;7fa04c06-5e5c-4905-94fe-930491ee04f9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704628778" name="image" descr="{&quot;templafy&quot;:{&quot;id&quot;:&quot;46f0823c-85d7-4950-a513-ba0016c8230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  <a:endParaRPr lang="da-DK"/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sv-SE"/>
              <a:t>Mogens Kornbo, CEO, Centre for Real Esta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6110152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  <a:p>
            <a:pPr lvl="8"/>
            <a:endParaRPr lang="da-DK" dirty="0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sv-SE"/>
              <a:t>Mogens Kornbo, CEO, Centre for Real Esta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0805426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  <a:endParaRPr lang="da-DK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  <a:endParaRPr lang="da-DK"/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  <a:endParaRPr lang="da-DK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sv-SE"/>
              <a:t>Mogens Kornbo, CEO, Centre for Real Esta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24908331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  <a:endParaRPr lang="da-DK"/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  <a:endParaRPr lang="da-DK"/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sv-SE"/>
              <a:t>Mogens Kornbo, CEO, Centre for Real Esta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5413105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  <a:endParaRPr lang="da-DK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sv-SE"/>
              <a:t>Mogens Kornbo, CEO, Centre for Real Esta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0796907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sv-SE"/>
              <a:t>Mogens Kornbo, CEO, Centre for Real Esta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1500255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970271364" name="LogoColorFront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2041200"/>
            <a:ext cx="684000" cy="4820400"/>
          </a:xfrm>
          <a:prstGeom prst="rect">
            <a:avLst/>
          </a:prstGeom>
        </p:spPr>
      </p:pic>
      <p:pic>
        <p:nvPicPr>
          <p:cNvPr id="779853369" name="LogoHFront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sv-SE"/>
              <a:t>Mogens Kornbo, CEO, Centre for Real Estate</a:t>
            </a:r>
            <a:endParaRPr lang="da-DK" dirty="0"/>
          </a:p>
        </p:txBody>
      </p:sp>
      <p:pic>
        <p:nvPicPr>
          <p:cNvPr id="2105762834" name="LogoGCBlack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4400" y="6314400"/>
            <a:ext cx="421200" cy="421200"/>
          </a:xfrm>
          <a:prstGeom prst="rect">
            <a:avLst/>
          </a:prstGeom>
        </p:spPr>
      </p:pic>
      <p:sp>
        <p:nvSpPr>
          <p:cNvPr id="26" name="OFF_Virksomhed">
            <a:extLst>
              <a:ext uri="{FF2B5EF4-FFF2-40B4-BE49-F238E27FC236}">
                <a16:creationId xmlns:a16="http://schemas.microsoft.com/office/drawing/2014/main" id="{4C7DDE6D-1213-4E45-A07B-A1F33F0C3FB5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27" name="USR_CenterFreeText" hidden="1">
            <a:extLst>
              <a:ext uri="{FF2B5EF4-FFF2-40B4-BE49-F238E27FC236}">
                <a16:creationId xmlns:a16="http://schemas.microsoft.com/office/drawing/2014/main" id="{2A2D2E11-8BF3-48CD-92EB-41AFB6AFF7C0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sz="1200" dirty="0"/>
          </a:p>
        </p:txBody>
      </p:sp>
      <p:sp>
        <p:nvSpPr>
          <p:cNvPr id="28" name="CEN_Center">
            <a:extLst>
              <a:ext uri="{FF2B5EF4-FFF2-40B4-BE49-F238E27FC236}">
                <a16:creationId xmlns:a16="http://schemas.microsoft.com/office/drawing/2014/main" id="{CDBA36E8-65EA-4D43-8ECC-E6C983E9A18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 dirty="0"/>
              <a:t>Center for Ejendomme</a:t>
            </a:r>
          </a:p>
        </p:txBody>
      </p:sp>
    </p:spTree>
    <p:extLst>
      <p:ext uri="{BB962C8B-B14F-4D97-AF65-F5344CB8AC3E}">
        <p14:creationId xmlns:p14="http://schemas.microsoft.com/office/powerpoint/2010/main" val="4151807160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ias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2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sv-SE"/>
              <a:t>Mogens Kornbo, CEO, Centre for Real Esta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2631353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378303995" name="LogoColorEnd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  <a:endParaRPr lang="da-DK"/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  <a:endParaRPr lang="da-DK"/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  <a:endParaRPr lang="da-DK"/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  <a:endParaRPr lang="da-DK"/>
          </a:p>
        </p:txBody>
      </p:sp>
      <p:sp>
        <p:nvSpPr>
          <p:cNvPr id="4" name="USR_Nam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sv-SE"/>
              <a:t>Mogens Kornbo, CEO, Centre for Real Estate</a:t>
            </a:r>
            <a:endParaRPr lang="da-DK" dirty="0"/>
          </a:p>
        </p:txBody>
      </p:sp>
      <p:pic>
        <p:nvPicPr>
          <p:cNvPr id="1298909024" name="LogoGXMaster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70000" y="259200"/>
            <a:ext cx="900000" cy="900000"/>
          </a:xfrm>
          <a:prstGeom prst="rect">
            <a:avLst/>
          </a:prstGeom>
        </p:spPr>
      </p:pic>
      <p:pic>
        <p:nvPicPr>
          <p:cNvPr id="1140981269" name="LogoKU_NEG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017200" y="50400"/>
            <a:ext cx="619200" cy="619200"/>
          </a:xfrm>
          <a:prstGeom prst="rect">
            <a:avLst/>
          </a:prstGeom>
        </p:spPr>
      </p:pic>
      <p:pic>
        <p:nvPicPr>
          <p:cNvPr id="1202503926" name="LogoGXMaster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70000" y="871200"/>
            <a:ext cx="900000" cy="900000"/>
          </a:xfrm>
          <a:prstGeom prst="rect">
            <a:avLst/>
          </a:prstGeom>
        </p:spPr>
      </p:pic>
      <p:pic>
        <p:nvPicPr>
          <p:cNvPr id="485324628" name="LogoHEnd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4806000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3" name="OFF_Virksomhed">
            <a:extLst>
              <a:ext uri="{FF2B5EF4-FFF2-40B4-BE49-F238E27FC236}">
                <a16:creationId xmlns:a16="http://schemas.microsoft.com/office/drawing/2014/main" id="{B841432E-D987-4D0B-A664-C05AC628E841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</a:t>
            </a:r>
          </a:p>
        </p:txBody>
      </p:sp>
      <p:sp>
        <p:nvSpPr>
          <p:cNvPr id="34" name="USR_CenterFreeText" hidden="1">
            <a:extLst>
              <a:ext uri="{FF2B5EF4-FFF2-40B4-BE49-F238E27FC236}">
                <a16:creationId xmlns:a16="http://schemas.microsoft.com/office/drawing/2014/main" id="{745A2033-4405-4CD5-AA59-4B138ABA8DA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sz="1200" dirty="0">
              <a:solidFill>
                <a:srgbClr val="B3B3B3"/>
              </a:solidFill>
            </a:endParaRPr>
          </a:p>
        </p:txBody>
      </p:sp>
      <p:sp>
        <p:nvSpPr>
          <p:cNvPr id="35" name="CEN_Center">
            <a:extLst>
              <a:ext uri="{FF2B5EF4-FFF2-40B4-BE49-F238E27FC236}">
                <a16:creationId xmlns:a16="http://schemas.microsoft.com/office/drawing/2014/main" id="{AF157EAE-A44A-46CA-977F-2F92E3F88E60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 dirty="0">
                <a:solidFill>
                  <a:srgbClr val="B3B3B3"/>
                </a:solidFill>
              </a:rPr>
              <a:t>Center for Ejendomme</a:t>
            </a:r>
          </a:p>
        </p:txBody>
      </p:sp>
      <p:pic>
        <p:nvPicPr>
          <p:cNvPr id="1540780752" name="LogoGCMaster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4400" y="6314400"/>
            <a:ext cx="421200" cy="421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21404821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r>
              <a:rPr lang="sv-SE"/>
              <a:t>Mogens Kornbo, CEO, Centre for Real Estate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 sz="100"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C762FCC7-212F-4DEC-B17C-F15E7D59B641}"/>
              </a:ext>
            </a:extLst>
          </p:cNvPr>
          <p:cNvGrpSpPr/>
          <p:nvPr userDrawn="1"/>
        </p:nvGrpSpPr>
        <p:grpSpPr>
          <a:xfrm>
            <a:off x="0" y="0"/>
            <a:ext cx="12192000" cy="6858000"/>
            <a:chOff x="971600" y="1598667"/>
            <a:chExt cx="8004071" cy="3778202"/>
          </a:xfrm>
        </p:grpSpPr>
        <p:pic>
          <p:nvPicPr>
            <p:cNvPr id="27" name="Picture 3">
              <a:extLst>
                <a:ext uri="{FF2B5EF4-FFF2-40B4-BE49-F238E27FC236}">
                  <a16:creationId xmlns:a16="http://schemas.microsoft.com/office/drawing/2014/main" id="{E896C135-1334-49BA-9E4A-DDA6C61FDDA4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5137484" y="1598667"/>
              <a:ext cx="3838187" cy="37782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30" name="Picture 5">
              <a:extLst>
                <a:ext uri="{FF2B5EF4-FFF2-40B4-BE49-F238E27FC236}">
                  <a16:creationId xmlns:a16="http://schemas.microsoft.com/office/drawing/2014/main" id="{4F4A42DA-0FAF-4CCB-82A5-1512D21F57CD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3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971600" y="1600868"/>
              <a:ext cx="4165884" cy="3776001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chemeClr val="accent1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chemeClr val="tx1"/>
                  </a:solidFill>
                  <a:miter lim="800000"/>
                  <a:headEnd/>
                  <a:tailEnd/>
                </a14:hiddenLine>
              </a:ext>
            </a:extLst>
          </p:spPr>
        </p:pic>
      </p:grpSp>
    </p:spTree>
    <p:extLst>
      <p:ext uri="{BB962C8B-B14F-4D97-AF65-F5344CB8AC3E}">
        <p14:creationId xmlns:p14="http://schemas.microsoft.com/office/powerpoint/2010/main" val="153585342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defineret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A07846F-BFD7-4521-8A94-89AF998197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US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3A63C75B-367E-472D-8EB5-A5644E3BAE1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5538CC2A-1760-468E-91D9-1A348359C7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5CBBC6BA-AB66-46E4-9152-5E9FA9E613C5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06777971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>
          <a:xfrm>
            <a:off x="576000" y="6080123"/>
            <a:ext cx="373952" cy="489879"/>
          </a:xfrm>
        </p:spPr>
        <p:txBody>
          <a:bodyPr/>
          <a:lstStyle/>
          <a:p>
            <a:fld id="{24C8C45C-947F-4981-8B3F-4F32E973C901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97718961"/>
      </p:ext>
    </p:extLst>
  </p:cSld>
  <p:clrMapOvr>
    <a:masterClrMapping/>
  </p:clrMapOvr>
  <p:transition spd="med">
    <p:fade/>
  </p:transition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824000" y="872716"/>
            <a:ext cx="9456000" cy="1161947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Opening plenary</a:t>
            </a:r>
            <a:endParaRPr lang="da-DK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grpSp>
        <p:nvGrpSpPr>
          <p:cNvPr id="12" name="Gruppe 11"/>
          <p:cNvGrpSpPr/>
          <p:nvPr userDrawn="1"/>
        </p:nvGrpSpPr>
        <p:grpSpPr>
          <a:xfrm>
            <a:off x="-2640970" y="2393789"/>
            <a:ext cx="2444751" cy="2755626"/>
            <a:chOff x="-1980728" y="1411288"/>
            <a:chExt cx="1833563" cy="2755626"/>
          </a:xfrm>
        </p:grpSpPr>
        <p:sp>
          <p:nvSpPr>
            <p:cNvPr id="13" name="AutoShape 4"/>
            <p:cNvSpPr>
              <a:spLocks/>
            </p:cNvSpPr>
            <p:nvPr userDrawn="1"/>
          </p:nvSpPr>
          <p:spPr bwMode="gray">
            <a:xfrm>
              <a:off x="-1980728" y="1411288"/>
              <a:ext cx="1830388" cy="275562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12700" algn="ctr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lIns="0" tIns="0" rIns="0" bIns="0">
              <a:spAutoFit/>
            </a:bodyPr>
            <a:lstStyle>
              <a:lvl1pPr defTabSz="457200" eaLnBrk="0" hangingPunct="0">
                <a:spcBef>
                  <a:spcPct val="20000"/>
                </a:spcBef>
                <a:buChar char="•"/>
                <a:tabLst>
                  <a:tab pos="177800" algn="l"/>
                </a:tabLst>
                <a:defRPr sz="3200"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defTabSz="457200" eaLnBrk="0" hangingPunct="0">
                <a:spcBef>
                  <a:spcPct val="20000"/>
                </a:spcBef>
                <a:buChar char="–"/>
                <a:tabLst>
                  <a:tab pos="177800" algn="l"/>
                </a:tabLst>
                <a:defRPr sz="2800"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defTabSz="457200" eaLnBrk="0" hangingPunct="0">
                <a:spcBef>
                  <a:spcPct val="20000"/>
                </a:spcBef>
                <a:buChar char="•"/>
                <a:tabLst>
                  <a:tab pos="177800" algn="l"/>
                </a:tabLst>
                <a:defRPr sz="2400"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defTabSz="457200" eaLnBrk="0" hangingPunct="0">
                <a:spcBef>
                  <a:spcPct val="20000"/>
                </a:spcBef>
                <a:buChar char="–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defTabSz="457200" eaLnBrk="0" hangingPunct="0">
                <a:spcBef>
                  <a:spcPct val="20000"/>
                </a:spcBef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algn="r" eaLnBrk="1" hangingPunct="1">
                <a:spcBef>
                  <a:spcPct val="0"/>
                </a:spcBef>
                <a:spcAft>
                  <a:spcPts val="600"/>
                </a:spcAft>
                <a:buFontTx/>
                <a:buNone/>
                <a:defRPr/>
              </a:pP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Opstil teksten i punkter</a:t>
              </a:r>
            </a:p>
            <a:p>
              <a:pPr algn="r" eaLnBrk="1" hangingPunct="1">
                <a:spcBef>
                  <a:spcPct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Niveauer</a:t>
              </a:r>
            </a:p>
            <a:p>
              <a:pPr algn="r" eaLnBrk="1" hangingPunct="1">
                <a:spcBef>
                  <a:spcPct val="0"/>
                </a:spcBef>
                <a:spcAft>
                  <a:spcPts val="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1. Niveau = Bullets </a:t>
              </a:r>
              <a:r>
                <a:rPr lang="da-DK" altLang="da-DK" sz="900" i="1" baseline="0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22</a:t>
              </a: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2. Niveau = Bullets 22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3. Niveau = Bullets 20 pkt</a:t>
              </a:r>
            </a:p>
            <a:p>
              <a:pPr algn="r" eaLnBrk="1" hangingPunct="1">
                <a:spcBef>
                  <a:spcPct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4. Niveau = Bullets 18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5. – 9. Niveau = Bullets 16 - 10</a:t>
              </a:r>
              <a:r>
                <a:rPr lang="da-DK" altLang="da-DK" sz="900" i="1" baseline="0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 </a:t>
              </a: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pkt</a:t>
              </a: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spcBef>
                  <a:spcPts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 at få punktopstillet teksten (flere niveauer findes) brug </a:t>
              </a: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øg listeniveau</a:t>
              </a: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spcBef>
                  <a:spcPts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 at få venstrestillet teksten </a:t>
              </a:r>
              <a:b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uden punktopstilling, brug </a:t>
              </a: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mindsk listeniveau</a:t>
              </a: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</p:txBody>
        </p:sp>
        <p:grpSp>
          <p:nvGrpSpPr>
            <p:cNvPr id="14" name="Gruppe 13"/>
            <p:cNvGrpSpPr/>
            <p:nvPr userDrawn="1"/>
          </p:nvGrpSpPr>
          <p:grpSpPr>
            <a:xfrm>
              <a:off x="-604365" y="3126445"/>
              <a:ext cx="457200" cy="209550"/>
              <a:chOff x="10615613" y="1808820"/>
              <a:chExt cx="457200" cy="209550"/>
            </a:xfrm>
          </p:grpSpPr>
          <p:pic>
            <p:nvPicPr>
              <p:cNvPr id="19" name="Picture 2"/>
              <p:cNvPicPr>
                <a:picLocks noChangeAspect="1" noChangeArrowheads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0615613" y="1808820"/>
                <a:ext cx="457200" cy="209550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pic>
          <p:sp>
            <p:nvSpPr>
              <p:cNvPr id="20" name="Rounded Rectangle 47"/>
              <p:cNvSpPr/>
              <p:nvPr/>
            </p:nvSpPr>
            <p:spPr>
              <a:xfrm>
                <a:off x="10844213" y="1808820"/>
                <a:ext cx="214312" cy="206375"/>
              </a:xfrm>
              <a:prstGeom prst="roundRect">
                <a:avLst/>
              </a:prstGeom>
              <a:noFill/>
              <a:ln w="12700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</p:grpSp>
        <p:grpSp>
          <p:nvGrpSpPr>
            <p:cNvPr id="15" name="Gruppe 14"/>
            <p:cNvGrpSpPr/>
            <p:nvPr userDrawn="1"/>
          </p:nvGrpSpPr>
          <p:grpSpPr>
            <a:xfrm>
              <a:off x="-599603" y="3918533"/>
              <a:ext cx="438150" cy="209550"/>
              <a:chOff x="10620375" y="2651782"/>
              <a:chExt cx="438150" cy="209550"/>
            </a:xfrm>
          </p:grpSpPr>
          <p:pic>
            <p:nvPicPr>
              <p:cNvPr id="16" name="Picture 3"/>
              <p:cNvPicPr>
                <a:picLocks noChangeAspect="1" noChangeArrowheads="1"/>
              </p:cNvPicPr>
              <p:nvPr/>
            </p:nvPicPr>
            <p:blipFill>
              <a:blip r:embed="rId3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0620375" y="2651782"/>
                <a:ext cx="438150" cy="209550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pic>
          <p:sp>
            <p:nvSpPr>
              <p:cNvPr id="17" name="Rectangle 52"/>
              <p:cNvSpPr/>
              <p:nvPr/>
            </p:nvSpPr>
            <p:spPr>
              <a:xfrm>
                <a:off x="10839450" y="2651782"/>
                <a:ext cx="219075" cy="201613"/>
              </a:xfrm>
              <a:prstGeom prst="rect">
                <a:avLst/>
              </a:prstGeom>
              <a:solidFill>
                <a:srgbClr val="FFFFFF">
                  <a:alpha val="65882"/>
                </a:srgbClr>
              </a:solidFill>
              <a:ln w="3175">
                <a:solidFill>
                  <a:schemeClr val="bg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  <p:sp>
            <p:nvSpPr>
              <p:cNvPr id="18" name="Rounded Rectangle 53"/>
              <p:cNvSpPr/>
              <p:nvPr/>
            </p:nvSpPr>
            <p:spPr>
              <a:xfrm>
                <a:off x="10625138" y="2654957"/>
                <a:ext cx="214312" cy="206375"/>
              </a:xfrm>
              <a:prstGeom prst="roundRect">
                <a:avLst/>
              </a:prstGeom>
              <a:noFill/>
              <a:ln w="12700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</p:grpSp>
      </p:grp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824567" y="2327275"/>
            <a:ext cx="9455151" cy="3160713"/>
          </a:xfrm>
        </p:spPr>
        <p:txBody>
          <a:bodyPr/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1" name="Pladsholder til tekst 3"/>
          <p:cNvSpPr>
            <a:spLocks noGrp="1"/>
          </p:cNvSpPr>
          <p:nvPr>
            <p:ph type="body" sz="quarter" idx="14" hasCustomPrompt="1"/>
          </p:nvPr>
        </p:nvSpPr>
        <p:spPr>
          <a:xfrm>
            <a:off x="1828800" y="399192"/>
            <a:ext cx="9456000" cy="358444"/>
          </a:xfrm>
        </p:spPr>
        <p:txBody>
          <a:bodyPr/>
          <a:lstStyle>
            <a:lvl1pPr marL="0" indent="0">
              <a:buNone/>
              <a:defRPr lang="da-DK" sz="1200" b="1" kern="120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da-DK" dirty="0"/>
              <a:t>Evt. center/afdeling/enhed skrives her</a:t>
            </a:r>
          </a:p>
        </p:txBody>
      </p:sp>
      <p:sp>
        <p:nvSpPr>
          <p:cNvPr id="23" name="Tekstfelt 4"/>
          <p:cNvSpPr txBox="1"/>
          <p:nvPr userDrawn="1"/>
        </p:nvSpPr>
        <p:spPr>
          <a:xfrm>
            <a:off x="1828800" y="207098"/>
            <a:ext cx="3120347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US" sz="1200" b="1" noProof="0" dirty="0">
                <a:solidFill>
                  <a:srgbClr val="565656"/>
                </a:solidFill>
              </a:rPr>
              <a:t>The Capital Region of Denmark</a:t>
            </a:r>
            <a:endParaRPr lang="da-DK" sz="1200" b="1" noProof="0" dirty="0">
              <a:solidFill>
                <a:srgbClr val="565656"/>
              </a:solidFill>
            </a:endParaRPr>
          </a:p>
        </p:txBody>
      </p:sp>
      <p:pic>
        <p:nvPicPr>
          <p:cNvPr id="25" name="Billede 24"/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030868" y="6175237"/>
            <a:ext cx="2246400" cy="6841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29128306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67394879" name="image" descr="{&quot;templafy&quot;:{&quot;id&quot;:&quot;c9a08572-8d42-425d-8c15-97c5438363e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6aa4d422-e1fa-47c6-87ff-2b252980575a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</a:t>
            </a:r>
          </a:p>
        </p:txBody>
      </p:sp>
      <p:sp>
        <p:nvSpPr>
          <p:cNvPr id="17" name="text" descr="{&quot;templafy&quot;:{&quot;id&quot;:&quot;1801000e-683e-4fe8-965b-975820e599e3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74265034-dd2f-4482-8051-49e412f6c492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  <p:sp>
        <p:nvSpPr>
          <p:cNvPr id="22" name="text" descr="{&quot;templafy&quot;:{&quot;id&quot;:&quot;b3718e32-ddbb-4b64-a576-f8ec14cef1bb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035877776" name="image" descr="{&quot;templafy&quot;:{&quot;id&quot;:&quot;28116291-55d1-451f-9602-b3bf7486916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0534601" name="image" descr="{&quot;templafy&quot;:{&quot;id&quot;:&quot;29e814e6-c011-4db0-9526-8cdea043a18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02b77788-ef18-4a35-8ddc-9fe074755d52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484428d0-f7d5-4d0a-80af-072d4d5c4a0a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375384108" name="image" descr="{&quot;templafy&quot;:{&quot;id&quot;:&quot;c2074129-ce86-4a0b-94c9-af466dead2c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21000466" name="image" descr="{&quot;templafy&quot;:{&quot;id&quot;:&quot;274afb6c-9aaa-4c16-9910-2eea239ceb3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935117312" name="image" descr="{&quot;templafy&quot;:{&quot;id&quot;:&quot;3aacb11f-674d-43b5-905a-83bb1ae7cc5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f4d05148-1933-45f3-b3ee-f7935f20add8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1" name="text" descr="{&quot;templafy&quot;:{&quot;id&quot;:&quot;f1e7dc8c-10d8-4bac-baeb-6b678fce57ce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9ca2d6c0-7655-48f8-8f79-0d194c621984&quot;}}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  <p:sp>
        <p:nvSpPr>
          <p:cNvPr id="13" name="text" descr="{&quot;templafy&quot;:{&quot;id&quot;:&quot;47d80d05-c46c-4047-8c0e-6f620691ce1e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051566832" name="image" descr="{&quot;templafy&quot;:{&quot;id&quot;:&quot;ca15203e-8a73-4b74-8117-418aa92d346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910577976" name="image" descr="{&quot;templafy&quot;:{&quot;id&quot;:&quot;50c9f023-d1d9-4a8d-a16b-57ed347cf7b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712731973" name="image" descr="{&quot;templafy&quot;:{&quot;id&quot;:&quot;369e99a9-8fd8-40ca-9b50-a7974a729a5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445508900" name="image" descr="{&quot;templafy&quot;:{&quot;id&quot;:&quot;deb1c0d4-4f10-48ad-846d-f2e493ff5e5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42062817" name="image" descr="{&quot;templafy&quot;:{&quot;id&quot;:&quot;5d4adef5-20a5-449f-bb60-02c85449a32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931dfcec-ab86-4773-8e86-26970de42142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Ole Gerner Jacobsen</a:t>
            </a:r>
          </a:p>
        </p:txBody>
      </p:sp>
      <p:sp>
        <p:nvSpPr>
          <p:cNvPr id="27" name="text" descr="{&quot;templafy&quot;:{&quot;id&quot;:&quot;687101ae-c032-4fb7-84db-e20d151f4760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309272336" name="image" descr="{&quot;templafy&quot;:{&quot;id&quot;:&quot;31149709-23eb-47a7-9b26-5b07ba3cdbf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66eeca40-27ad-4800-ab1f-d0441988b7cd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7e8ecc0c-7a51-43b7-89c9-65337b83bb6b&quot;}}" hidden="1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a2174e87-bf62-4bbb-9503-cc6531e28b8b&quot;}}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  <p:sp>
        <p:nvSpPr>
          <p:cNvPr id="13" name="text" descr="{&quot;templafy&quot;:{&quot;id&quot;:&quot;4230d9e0-9ab2-460a-b83e-09b5a67e87b2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433882020" name="image" descr="{&quot;templafy&quot;:{&quot;id&quot;:&quot;1173098b-5235-46fd-acae-d7beac5259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263481056" name="image" descr="{&quot;templafy&quot;:{&quot;id&quot;:&quot;75cdd02a-581c-4de6-b62b-aa8a6d7b987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46063564" name="image" descr="{&quot;templafy&quot;:{&quot;id&quot;:&quot;5c93d571-e9e6-4c47-855b-cb030869430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049314231" name="image" descr="{&quot;templafy&quot;:{&quot;id&quot;:&quot;c912c35a-85f1-4744-87bc-4ee5d191098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52165875" name="image" descr="{&quot;templafy&quot;:{&quot;id&quot;:&quot;2d8e24a6-3c15-4ec0-957a-c13f30ed091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13d16ae5-ee17-45ea-af43-1e7b6103b97b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Ole Gerner Jacobsen</a:t>
            </a:r>
          </a:p>
        </p:txBody>
      </p:sp>
      <p:sp>
        <p:nvSpPr>
          <p:cNvPr id="26" name="text" descr="{&quot;templafy&quot;:{&quot;id&quot;:&quot;fe3f1a4e-dc7b-4c52-be7f-7789400b00d1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009385088" name="image" descr="{&quot;templafy&quot;:{&quot;id&quot;:&quot;2036169b-f3b0-429f-9be6-a5e680ba8b4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b5cd8995-965a-4001-9db0-9344462ff037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9" name="text" descr="{&quot;templafy&quot;:{&quot;id&quot;:&quot;7f35ec2e-7136-4919-92fa-baf812993208&quot;}}" hidden="1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0" name="text" descr="{&quot;templafy&quot;:{&quot;id&quot;:&quot;56d275c2-08a4-4dc7-8fe8-8a9094510ad7&quot;}}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  <p:sp>
        <p:nvSpPr>
          <p:cNvPr id="12" name="text" descr="{&quot;templafy&quot;:{&quot;id&quot;:&quot;60a1c19e-30c8-4fff-9f41-bb52337ce4f1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448985191" name="image" descr="{&quot;templafy&quot;:{&quot;id&quot;:&quot;72483edc-1add-4a32-8445-04734e017ba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495059416" name="image" descr="{&quot;templafy&quot;:{&quot;id&quot;:&quot;57f77f33-f8a1-4904-bbc0-5ff1eb921d5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233846514" name="image" descr="{&quot;templafy&quot;:{&quot;id&quot;:&quot;601242c1-6382-4c71-83a0-8bc87e87c54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711193324" name="image" descr="{&quot;templafy&quot;:{&quot;id&quot;:&quot;d8e68caf-4ea7-4737-8108-efcc496cc00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62392684" name="image" descr="{&quot;templafy&quot;:{&quot;id&quot;:&quot;fd7cfa3d-2943-4e01-88f8-0c59fb30c6b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fd54bbc8-6c3b-4d89-acc1-f5aad8c346a4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Ole Gerner Jacobsen</a:t>
            </a:r>
          </a:p>
        </p:txBody>
      </p:sp>
      <p:sp>
        <p:nvSpPr>
          <p:cNvPr id="26" name="text" descr="{&quot;templafy&quot;:{&quot;id&quot;:&quot;7bd60be4-1d1d-4a64-ba9c-3ac4be2404cb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6009295" name="image" descr="{&quot;templafy&quot;:{&quot;id&quot;:&quot;a8a3eaa1-b6e7-4123-9761-de2418a7f95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661b6229-ba28-44c3-acf3-e348b3b7c1b1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ee9a76a0-2712-43a0-8417-e9c2a656dd90&quot;}}" hidden="1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3cb756d4-cb79-4db6-9e64-603cfc7941f7&quot;}}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Ejendomme</a:t>
            </a:r>
          </a:p>
        </p:txBody>
      </p:sp>
      <p:sp>
        <p:nvSpPr>
          <p:cNvPr id="14" name="text" descr="{&quot;templafy&quot;:{&quot;id&quot;:&quot;c0afb968-29c5-4e54-9b57-d2e32e1240c9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91118655" name="image" descr="{&quot;templafy&quot;:{&quot;id&quot;:&quot;59f39c00-91f5-47c9-b48a-ea8b0ebe818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012572930" name="image" descr="{&quot;templafy&quot;:{&quot;id&quot;:&quot;b856dc95-ef09-4277-b0d9-72fe3b10b6f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09973555" name="image" descr="{&quot;templafy&quot;:{&quot;id&quot;:&quot;74f90d3a-f473-47b7-9d47-1d29c9af8fd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3239573" name="image" descr="{&quot;templafy&quot;:{&quot;id&quot;:&quot;c13949e1-3c7b-475c-85a2-4429bbeb04e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509448375" name="image" descr="{&quot;templafy&quot;:{&quot;id&quot;:&quot;eb481614-5580-48f4-a07b-c29d7018cad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b0afc414-ec8c-4712-9e87-e2706c7ce74e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Ole Gerner Jacobsen</a:t>
            </a:r>
          </a:p>
        </p:txBody>
      </p:sp>
      <p:sp>
        <p:nvSpPr>
          <p:cNvPr id="29" name="text" descr="{&quot;templafy&quot;:{&quot;id&quot;:&quot;056eae53-a949-4430-b5d5-6a6c5170a249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86764011" name="image" descr="{&quot;templafy&quot;:{&quot;id&quot;:&quot;9622e2c6-1bc5-4476-a17f-9e801b1e927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theme" Target="../theme/theme2.xml"/><Relationship Id="rId3" Type="http://schemas.openxmlformats.org/officeDocument/2006/relationships/slideLayout" Target="../slideLayouts/slideLayout22.xml"/><Relationship Id="rId7" Type="http://schemas.openxmlformats.org/officeDocument/2006/relationships/slideLayout" Target="../slideLayouts/slideLayout26.xml"/><Relationship Id="rId2" Type="http://schemas.openxmlformats.org/officeDocument/2006/relationships/slideLayout" Target="../slideLayouts/slideLayout21.xml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5" Type="http://schemas.openxmlformats.org/officeDocument/2006/relationships/slideLayout" Target="../slideLayouts/slideLayout24.xml"/><Relationship Id="rId4" Type="http://schemas.openxmlformats.org/officeDocument/2006/relationships/slideLayout" Target="../slideLayouts/slideLayout23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4.xml"/><Relationship Id="rId13" Type="http://schemas.openxmlformats.org/officeDocument/2006/relationships/slideLayout" Target="../slideLayouts/slideLayout39.xml"/><Relationship Id="rId18" Type="http://schemas.openxmlformats.org/officeDocument/2006/relationships/image" Target="../media/image4.png"/><Relationship Id="rId3" Type="http://schemas.openxmlformats.org/officeDocument/2006/relationships/slideLayout" Target="../slideLayouts/slideLayout29.xml"/><Relationship Id="rId7" Type="http://schemas.openxmlformats.org/officeDocument/2006/relationships/slideLayout" Target="../slideLayouts/slideLayout33.xml"/><Relationship Id="rId12" Type="http://schemas.openxmlformats.org/officeDocument/2006/relationships/slideLayout" Target="../slideLayouts/slideLayout38.xml"/><Relationship Id="rId17" Type="http://schemas.openxmlformats.org/officeDocument/2006/relationships/image" Target="../media/image3.png"/><Relationship Id="rId2" Type="http://schemas.openxmlformats.org/officeDocument/2006/relationships/slideLayout" Target="../slideLayouts/slideLayout28.xml"/><Relationship Id="rId16" Type="http://schemas.openxmlformats.org/officeDocument/2006/relationships/theme" Target="../theme/theme3.xml"/><Relationship Id="rId20" Type="http://schemas.openxmlformats.org/officeDocument/2006/relationships/image" Target="../media/image2.emf"/><Relationship Id="rId1" Type="http://schemas.openxmlformats.org/officeDocument/2006/relationships/slideLayout" Target="../slideLayouts/slideLayout27.xml"/><Relationship Id="rId6" Type="http://schemas.openxmlformats.org/officeDocument/2006/relationships/slideLayout" Target="../slideLayouts/slideLayout32.xml"/><Relationship Id="rId11" Type="http://schemas.openxmlformats.org/officeDocument/2006/relationships/slideLayout" Target="../slideLayouts/slideLayout37.xml"/><Relationship Id="rId5" Type="http://schemas.openxmlformats.org/officeDocument/2006/relationships/slideLayout" Target="../slideLayouts/slideLayout31.xml"/><Relationship Id="rId15" Type="http://schemas.openxmlformats.org/officeDocument/2006/relationships/slideLayout" Target="../slideLayouts/slideLayout41.xml"/><Relationship Id="rId10" Type="http://schemas.openxmlformats.org/officeDocument/2006/relationships/slideLayout" Target="../slideLayouts/slideLayout36.xml"/><Relationship Id="rId19" Type="http://schemas.openxmlformats.org/officeDocument/2006/relationships/image" Target="../media/image5.wmf"/><Relationship Id="rId4" Type="http://schemas.openxmlformats.org/officeDocument/2006/relationships/slideLayout" Target="../slideLayouts/slideLayout30.xml"/><Relationship Id="rId9" Type="http://schemas.openxmlformats.org/officeDocument/2006/relationships/slideLayout" Target="../slideLayouts/slideLayout35.xml"/><Relationship Id="rId14" Type="http://schemas.openxmlformats.org/officeDocument/2006/relationships/slideLayout" Target="../slideLayouts/slideLayout4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ebcd7e68-6563-49d9-9b27-bbf24139ffba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5" r:id="rId4"/>
    <p:sldLayoutId id="2147483674" r:id="rId5"/>
    <p:sldLayoutId id="2147483659" r:id="rId6"/>
    <p:sldLayoutId id="2147483660" r:id="rId7"/>
    <p:sldLayoutId id="2147483664" r:id="rId8"/>
    <p:sldLayoutId id="2147483665" r:id="rId9"/>
    <p:sldLayoutId id="2147483662" r:id="rId10"/>
    <p:sldLayoutId id="2147483668" r:id="rId11"/>
    <p:sldLayoutId id="2147483669" r:id="rId12"/>
    <p:sldLayoutId id="2147483658" r:id="rId13"/>
    <p:sldLayoutId id="2147483672" r:id="rId14"/>
    <p:sldLayoutId id="2147483655" r:id="rId15"/>
    <p:sldLayoutId id="2147483663" r:id="rId16"/>
    <p:sldLayoutId id="2147483667" r:id="rId17"/>
    <p:sldLayoutId id="2147483676" r:id="rId18"/>
    <p:sldLayoutId id="2147483715" r:id="rId19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5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013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013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sz="1013" dirty="0"/>
          </a:p>
        </p:txBody>
      </p:sp>
      <p:sp>
        <p:nvSpPr>
          <p:cNvPr id="22" name="Rektangel" descr="{&quot;templafy&quot;:{&quot;id&quot;:&quot;d90085f4-2e5b-4111-ad68-6c0277c40d90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013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7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506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88950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8" r:id="rId1"/>
    <p:sldLayoutId id="2147483679" r:id="rId2"/>
    <p:sldLayoutId id="2147483680" r:id="rId3"/>
    <p:sldLayoutId id="2147483681" r:id="rId4"/>
    <p:sldLayoutId id="2147483682" r:id="rId5"/>
    <p:sldLayoutId id="2147483683" r:id="rId6"/>
    <p:sldLayoutId id="2147483684" r:id="rId7"/>
  </p:sldLayoutIdLst>
  <p:transition spd="slow">
    <p:wipe/>
  </p:transition>
  <p:hf hdr="0" dt="0"/>
  <p:txStyles>
    <p:titleStyle>
      <a:lvl1pPr algn="l" defTabSz="514350" rtl="0" eaLnBrk="1" latinLnBrk="0" hangingPunct="1">
        <a:lnSpc>
          <a:spcPct val="85000"/>
        </a:lnSpc>
        <a:spcBef>
          <a:spcPct val="0"/>
        </a:spcBef>
        <a:buNone/>
        <a:defRPr sz="1575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81000" indent="-81000" algn="l" defTabSz="514350" rtl="0" eaLnBrk="1" latinLnBrk="0" hangingPunct="1">
        <a:lnSpc>
          <a:spcPct val="100000"/>
        </a:lnSpc>
        <a:spcBef>
          <a:spcPts val="0"/>
        </a:spcBef>
        <a:spcAft>
          <a:spcPts val="675"/>
        </a:spcAft>
        <a:buClr>
          <a:schemeClr val="accent6"/>
        </a:buClr>
        <a:buFont typeface="Arial" panose="020B0604020202020204" pitchFamily="34" charset="0"/>
        <a:buChar char="•"/>
        <a:defRPr sz="1238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283500" indent="-81000" algn="l" defTabSz="514350" rtl="0" eaLnBrk="1" latinLnBrk="0" hangingPunct="1">
        <a:spcBef>
          <a:spcPts val="0"/>
        </a:spcBef>
        <a:spcAft>
          <a:spcPts val="675"/>
        </a:spcAft>
        <a:buClr>
          <a:schemeClr val="accent6"/>
        </a:buClr>
        <a:buFont typeface="Arial" panose="020B0604020202020204" pitchFamily="34" charset="0"/>
        <a:buChar char="•"/>
        <a:defRPr lang="da-DK" sz="1125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465750" indent="-70875" algn="l" defTabSz="514350" rtl="0" eaLnBrk="1" latinLnBrk="0" hangingPunct="1">
        <a:spcBef>
          <a:spcPts val="0"/>
        </a:spcBef>
        <a:spcAft>
          <a:spcPts val="675"/>
        </a:spcAft>
        <a:buClr>
          <a:schemeClr val="accent6"/>
        </a:buClr>
        <a:buFont typeface="Arial" panose="020B0604020202020204" pitchFamily="34" charset="0"/>
        <a:buChar char="•"/>
        <a:defRPr lang="da-DK" sz="1013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668250" indent="-60750" algn="l" defTabSz="514350" rtl="0" eaLnBrk="1" latinLnBrk="0" hangingPunct="1">
        <a:spcBef>
          <a:spcPts val="0"/>
        </a:spcBef>
        <a:spcAft>
          <a:spcPts val="675"/>
        </a:spcAft>
        <a:buClr>
          <a:schemeClr val="accent6"/>
        </a:buClr>
        <a:buFont typeface="Arial" panose="020B0604020202020204" pitchFamily="34" charset="0"/>
        <a:buChar char="•"/>
        <a:defRPr lang="da-DK" sz="9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870750" indent="-60750" algn="l" defTabSz="514350" rtl="0" eaLnBrk="1" latinLnBrk="0" hangingPunct="1">
        <a:spcBef>
          <a:spcPts val="0"/>
        </a:spcBef>
        <a:spcAft>
          <a:spcPts val="675"/>
        </a:spcAft>
        <a:buClr>
          <a:schemeClr val="accent6"/>
        </a:buClr>
        <a:buFont typeface="Arial" panose="020B0604020202020204" pitchFamily="34" charset="0"/>
        <a:buChar char="•"/>
        <a:defRPr lang="da-DK" sz="788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073250" indent="-50625" algn="l" defTabSz="514350" rtl="0" eaLnBrk="1" latinLnBrk="0" hangingPunct="1">
        <a:spcBef>
          <a:spcPts val="0"/>
        </a:spcBef>
        <a:spcAft>
          <a:spcPts val="675"/>
        </a:spcAft>
        <a:buClr>
          <a:srgbClr val="7D7D7D"/>
        </a:buClr>
        <a:buFont typeface="Arial" panose="020B0604020202020204" pitchFamily="34" charset="0"/>
        <a:buChar char="•"/>
        <a:defRPr lang="da-DK" sz="675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1275750" indent="-50625" algn="l" defTabSz="514350" rtl="0" eaLnBrk="1" latinLnBrk="0" hangingPunct="1">
        <a:spcBef>
          <a:spcPts val="0"/>
        </a:spcBef>
        <a:spcAft>
          <a:spcPts val="675"/>
        </a:spcAft>
        <a:buClr>
          <a:srgbClr val="7D7D7D"/>
        </a:buClr>
        <a:buFont typeface="Arial" panose="020B0604020202020204" pitchFamily="34" charset="0"/>
        <a:buChar char="•"/>
        <a:defRPr lang="da-DK" sz="619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1478250" indent="-50625" algn="l" defTabSz="514350" rtl="0" eaLnBrk="1" latinLnBrk="0" hangingPunct="1">
        <a:spcBef>
          <a:spcPts val="0"/>
        </a:spcBef>
        <a:spcAft>
          <a:spcPts val="675"/>
        </a:spcAft>
        <a:buClr>
          <a:srgbClr val="7D7D7D"/>
        </a:buClr>
        <a:buFont typeface="Arial" panose="020B0604020202020204" pitchFamily="34" charset="0"/>
        <a:buChar char="•"/>
        <a:defRPr lang="da-DK" sz="563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1680750" indent="-50625" algn="l" defTabSz="514350" rtl="0" eaLnBrk="1" latinLnBrk="0" hangingPunct="1">
        <a:spcBef>
          <a:spcPts val="0"/>
        </a:spcBef>
        <a:spcAft>
          <a:spcPts val="675"/>
        </a:spcAft>
        <a:buClr>
          <a:srgbClr val="808080"/>
        </a:buClr>
        <a:buFont typeface="Arial" panose="020B0604020202020204" pitchFamily="34" charset="0"/>
        <a:buChar char="•"/>
        <a:defRPr sz="506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1pPr>
      <a:lvl2pPr marL="257175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2pPr>
      <a:lvl3pPr marL="51435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3pPr>
      <a:lvl4pPr marL="771525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4pPr>
      <a:lvl5pPr marL="102870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5pPr>
      <a:lvl6pPr marL="1285875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6pPr>
      <a:lvl7pPr marL="154305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7pPr>
      <a:lvl8pPr marL="1800225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8pPr>
      <a:lvl9pPr marL="2057400" algn="l" defTabSz="514350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>
          <p15:clr>
            <a:srgbClr val="F26B43"/>
          </p15:clr>
        </p15:guide>
        <p15:guide id="6" orient="horz" pos="1253">
          <p15:clr>
            <a:srgbClr val="F26B43"/>
          </p15:clr>
        </p15:guide>
        <p15:guide id="7" orient="horz" pos="3455">
          <p15:clr>
            <a:srgbClr val="F26B43"/>
          </p15:clr>
        </p15:guide>
        <p15:guide id="10" pos="1148">
          <p15:clr>
            <a:srgbClr val="F26B43"/>
          </p15:clr>
        </p15:guide>
        <p15:guide id="11" pos="9663">
          <p15:clr>
            <a:srgbClr val="F26B43"/>
          </p15:clr>
        </p15:guide>
        <p15:guide id="12" pos="5284">
          <p15:clr>
            <a:srgbClr val="F26B43"/>
          </p15:clr>
        </p15:guide>
        <p15:guide id="13" pos="5527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pic>
        <p:nvPicPr>
          <p:cNvPr id="316569216" name="LogoColorDefault"/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6173999"/>
            <a:ext cx="684000" cy="684000"/>
          </a:xfrm>
          <a:prstGeom prst="rect">
            <a:avLst/>
          </a:prstGeom>
        </p:spPr>
      </p:pic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da-DK"/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 niveau</a:t>
            </a:r>
            <a:endParaRPr lang="da-DK"/>
          </a:p>
          <a:p>
            <a:pPr lvl="6"/>
            <a:r>
              <a:rPr lang="da-DK" dirty="0"/>
              <a:t>7 niveau</a:t>
            </a:r>
            <a:endParaRPr lang="da-DK"/>
          </a:p>
          <a:p>
            <a:pPr lvl="7"/>
            <a:r>
              <a:rPr lang="da-DK" dirty="0"/>
              <a:t>8 niveau</a:t>
            </a:r>
            <a:endParaRPr lang="da-DK"/>
          </a:p>
          <a:p>
            <a:pPr lvl="8"/>
            <a:r>
              <a:rPr lang="da-DK" dirty="0"/>
              <a:t>9 niveau</a:t>
            </a:r>
            <a:endParaRPr lang="da-DK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3"/>
          </p:nvPr>
        </p:nvSpPr>
        <p:spPr>
          <a:xfrm>
            <a:off x="1367999" y="6290559"/>
            <a:ext cx="3780000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0" kern="1200" dirty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sv-SE"/>
              <a:t>Mogens Kornbo, CEO, Centre for Real Estate</a:t>
            </a:r>
            <a:endParaRPr lang="da-DK" dirty="0"/>
          </a:p>
        </p:txBody>
      </p:sp>
      <p:sp>
        <p:nvSpPr>
          <p:cNvPr id="4" name="USR_Name"/>
          <p:cNvSpPr>
            <a:spLocks noGrp="1"/>
          </p:cNvSpPr>
          <p:nvPr>
            <p:ph type="dt" sz="half" idx="2"/>
          </p:nvPr>
        </p:nvSpPr>
        <p:spPr>
          <a:xfrm>
            <a:off x="7891200" y="6289200"/>
            <a:ext cx="3388800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20" name="OFF_Virksomhed"/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5" name="USR_CenterFreeText" hidden="1"/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sz="1200" dirty="0"/>
          </a:p>
        </p:txBody>
      </p:sp>
      <p:sp>
        <p:nvSpPr>
          <p:cNvPr id="19" name="CEN_Center"/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 dirty="0"/>
              <a:t>Center for Ejendomme</a:t>
            </a:r>
          </a:p>
        </p:txBody>
      </p:sp>
      <p:pic>
        <p:nvPicPr>
          <p:cNvPr id="430754135" name="LogoH"/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457200" y="5720400"/>
            <a:ext cx="687600" cy="687600"/>
          </a:xfrm>
          <a:prstGeom prst="rect">
            <a:avLst/>
          </a:prstGeom>
        </p:spPr>
      </p:pic>
      <p:pic>
        <p:nvPicPr>
          <p:cNvPr id="28" name="Region">
            <a:extLst>
              <a:ext uri="{FF2B5EF4-FFF2-40B4-BE49-F238E27FC236}">
                <a16:creationId xmlns:a16="http://schemas.microsoft.com/office/drawing/2014/main" id="{7C78D02F-ABBA-4F3B-9A93-F41AA9979B6C}"/>
              </a:ext>
            </a:extLst>
          </p:cNvPr>
          <p:cNvPicPr>
            <a:picLocks noChangeAspect="1"/>
          </p:cNvPicPr>
          <p:nvPr userDrawn="1"/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490585021" name="LogoKU"/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8017200" y="50400"/>
            <a:ext cx="619200" cy="619200"/>
          </a:xfrm>
          <a:prstGeom prst="rect">
            <a:avLst/>
          </a:prstGeom>
        </p:spPr>
      </p:pic>
      <p:pic>
        <p:nvPicPr>
          <p:cNvPr id="1386042379" name="LogoGXMaster2"/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11070000" y="871200"/>
            <a:ext cx="900000" cy="900000"/>
          </a:xfrm>
          <a:prstGeom prst="rect">
            <a:avLst/>
          </a:prstGeom>
        </p:spPr>
      </p:pic>
      <p:pic>
        <p:nvPicPr>
          <p:cNvPr id="214880393" name="LogoGCMaster"/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5774400" y="6314400"/>
            <a:ext cx="421200" cy="421200"/>
          </a:xfrm>
          <a:prstGeom prst="rect">
            <a:avLst/>
          </a:prstGeom>
        </p:spPr>
      </p:pic>
      <p:pic>
        <p:nvPicPr>
          <p:cNvPr id="979850674" name="LogoGXMaster"/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11070000" y="259200"/>
            <a:ext cx="900000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8343492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7" r:id="rId1"/>
    <p:sldLayoutId id="2147483688" r:id="rId2"/>
    <p:sldLayoutId id="2147483689" r:id="rId3"/>
    <p:sldLayoutId id="2147483690" r:id="rId4"/>
    <p:sldLayoutId id="2147483691" r:id="rId5"/>
    <p:sldLayoutId id="2147483692" r:id="rId6"/>
    <p:sldLayoutId id="2147483693" r:id="rId7"/>
    <p:sldLayoutId id="2147483694" r:id="rId8"/>
    <p:sldLayoutId id="2147483695" r:id="rId9"/>
    <p:sldLayoutId id="2147483696" r:id="rId10"/>
    <p:sldLayoutId id="2147483697" r:id="rId11"/>
    <p:sldLayoutId id="2147483698" r:id="rId12"/>
    <p:sldLayoutId id="2147483699" r:id="rId13"/>
    <p:sldLayoutId id="2147483700" r:id="rId14"/>
    <p:sldLayoutId id="2147483701" r:id="rId15"/>
  </p:sldLayoutIdLst>
  <p:hf sldNum="0" hd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>
          <p15:clr>
            <a:srgbClr val="F26B43"/>
          </p15:clr>
        </p15:guide>
        <p15:guide id="6" orient="horz" pos="1253">
          <p15:clr>
            <a:srgbClr val="F26B43"/>
          </p15:clr>
        </p15:guide>
        <p15:guide id="7" orient="horz" pos="3455">
          <p15:clr>
            <a:srgbClr val="F26B43"/>
          </p15:clr>
        </p15:guide>
        <p15:guide id="10" pos="861">
          <p15:clr>
            <a:srgbClr val="F26B43"/>
          </p15:clr>
        </p15:guide>
        <p15:guide id="11" pos="7247">
          <p15:clr>
            <a:srgbClr val="F26B43"/>
          </p15:clr>
        </p15:guide>
        <p15:guide id="12" pos="3963">
          <p15:clr>
            <a:srgbClr val="F26B43"/>
          </p15:clr>
        </p15:guide>
        <p15:guide id="13" pos="414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2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3.xml"/><Relationship Id="rId4" Type="http://schemas.openxmlformats.org/officeDocument/2006/relationships/chart" Target="../charts/chart1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.png"/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5.xml"/><Relationship Id="rId6" Type="http://schemas.openxmlformats.org/officeDocument/2006/relationships/diagramColors" Target="../diagrams/colors1.xml"/><Relationship Id="rId11" Type="http://schemas.openxmlformats.org/officeDocument/2006/relationships/image" Target="../media/image28.png"/><Relationship Id="rId5" Type="http://schemas.openxmlformats.org/officeDocument/2006/relationships/diagramQuickStyle" Target="../diagrams/quickStyle1.xml"/><Relationship Id="rId10" Type="http://schemas.openxmlformats.org/officeDocument/2006/relationships/image" Target="../media/image24.png"/><Relationship Id="rId4" Type="http://schemas.openxmlformats.org/officeDocument/2006/relationships/diagramLayout" Target="../diagrams/layout1.xml"/><Relationship Id="rId9" Type="http://schemas.openxmlformats.org/officeDocument/2006/relationships/image" Target="../media/image25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diagramData" Target="../diagrams/data3.xml"/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12" Type="http://schemas.microsoft.com/office/2007/relationships/diagramDrawing" Target="../diagrams/drawing3.xml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8.xml"/><Relationship Id="rId6" Type="http://schemas.openxmlformats.org/officeDocument/2006/relationships/diagramColors" Target="../diagrams/colors2.xml"/><Relationship Id="rId11" Type="http://schemas.openxmlformats.org/officeDocument/2006/relationships/diagramColors" Target="../diagrams/colors3.xml"/><Relationship Id="rId5" Type="http://schemas.openxmlformats.org/officeDocument/2006/relationships/diagramQuickStyle" Target="../diagrams/quickStyle2.xml"/><Relationship Id="rId10" Type="http://schemas.openxmlformats.org/officeDocument/2006/relationships/diagramQuickStyle" Target="../diagrams/quickStyle3.xml"/><Relationship Id="rId4" Type="http://schemas.openxmlformats.org/officeDocument/2006/relationships/diagramLayout" Target="../diagrams/layout2.xml"/><Relationship Id="rId9" Type="http://schemas.openxmlformats.org/officeDocument/2006/relationships/diagramLayout" Target="../diagrams/layout3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png"/><Relationship Id="rId3" Type="http://schemas.openxmlformats.org/officeDocument/2006/relationships/image" Target="../media/image29.png"/><Relationship Id="rId7" Type="http://schemas.openxmlformats.org/officeDocument/2006/relationships/image" Target="../media/image32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8.xml"/><Relationship Id="rId6" Type="http://schemas.openxmlformats.org/officeDocument/2006/relationships/image" Target="../media/image31.png"/><Relationship Id="rId5" Type="http://schemas.microsoft.com/office/2007/relationships/hdphoto" Target="../media/hdphoto1.wdp"/><Relationship Id="rId4" Type="http://schemas.openxmlformats.org/officeDocument/2006/relationships/image" Target="../media/image30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7" Type="http://schemas.openxmlformats.org/officeDocument/2006/relationships/image" Target="../media/image35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8.xml"/><Relationship Id="rId6" Type="http://schemas.openxmlformats.org/officeDocument/2006/relationships/image" Target="../media/image34.png"/><Relationship Id="rId5" Type="http://schemas.microsoft.com/office/2007/relationships/hdphoto" Target="../media/hdphoto1.wdp"/><Relationship Id="rId4" Type="http://schemas.openxmlformats.org/officeDocument/2006/relationships/image" Target="../media/image30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8.xml"/><Relationship Id="rId4" Type="http://schemas.openxmlformats.org/officeDocument/2006/relationships/image" Target="../media/image36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38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3F02C8C-5DC7-4234-BC79-135F45FB6C1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Grøn omstillingsrapport 2021 </a:t>
            </a:r>
            <a:br>
              <a:rPr lang="da-DK" dirty="0"/>
            </a:br>
            <a:r>
              <a:rPr lang="da-DK" dirty="0"/>
              <a:t>-formidler regionens klimaregnskab 2021</a:t>
            </a:r>
            <a:br>
              <a:rPr lang="da-DK" dirty="0"/>
            </a:br>
            <a:endParaRPr lang="en-US" dirty="0"/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C401EC7F-2820-4C60-BA2A-D651EA6A93D5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Oplæg til miljø- og klimaudvalgsmøde den 3. oktober 2022</a:t>
            </a:r>
          </a:p>
          <a:p>
            <a:r>
              <a:rPr lang="da-DK" dirty="0"/>
              <a:t>Heine Knudsen, enhedschef for energi og miljø, programledelse for Grøn2030</a:t>
            </a:r>
          </a:p>
          <a:p>
            <a:endParaRPr lang="en-US" dirty="0"/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422A884A-0148-46D2-8CC2-CF3EE5FF5CA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87CE5DE3-08B3-422D-A691-B5973AC2DB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7B140CA5-2F93-4FAA-8969-1DCD20888E9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84432" y="7699"/>
            <a:ext cx="2001581" cy="191392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846020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53B149AF-D42C-4926-8F92-5FF91EFC1CA7}"/>
              </a:ext>
            </a:extLst>
          </p:cNvPr>
          <p:cNvSpPr/>
          <p:nvPr/>
        </p:nvSpPr>
        <p:spPr>
          <a:xfrm>
            <a:off x="9146" y="0"/>
            <a:ext cx="12191998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1" name="Titel 1">
            <a:extLst>
              <a:ext uri="{FF2B5EF4-FFF2-40B4-BE49-F238E27FC236}">
                <a16:creationId xmlns:a16="http://schemas.microsoft.com/office/drawing/2014/main" id="{5288DC36-E877-45B2-816E-58070D763E26}"/>
              </a:ext>
            </a:extLst>
          </p:cNvPr>
          <p:cNvSpPr txBox="1">
            <a:spLocks/>
          </p:cNvSpPr>
          <p:nvPr/>
        </p:nvSpPr>
        <p:spPr>
          <a:xfrm>
            <a:off x="767408" y="152728"/>
            <a:ext cx="8524837" cy="828000"/>
          </a:xfrm>
          <a:prstGeom prst="rect">
            <a:avLst/>
          </a:prstGeom>
          <a:solidFill>
            <a:schemeClr val="bg1"/>
          </a:solidFill>
        </p:spPr>
        <p:txBody>
          <a:bodyPr/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2400" dirty="0" err="1"/>
              <a:t>Back-up</a:t>
            </a:r>
            <a:endParaRPr lang="da-DK" sz="2400" dirty="0"/>
          </a:p>
          <a:p>
            <a:r>
              <a:rPr lang="da-DK" sz="2400" dirty="0"/>
              <a:t>Fuldt klimaregnskab inkl. forbrugsrelaterede udledninger</a:t>
            </a:r>
            <a:endParaRPr lang="da-DK" sz="2400" dirty="0">
              <a:highlight>
                <a:srgbClr val="FFFF00"/>
              </a:highlight>
            </a:endParaRPr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5B7F595C-CFB6-43B8-849C-8D74E4273D5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07866AE8-8524-414F-8DF1-D2E92E951B1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3B53BF4-9FDF-4D6F-9599-E681015E23C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5" name="Sky 4">
            <a:extLst>
              <a:ext uri="{FF2B5EF4-FFF2-40B4-BE49-F238E27FC236}">
                <a16:creationId xmlns:a16="http://schemas.microsoft.com/office/drawing/2014/main" id="{8DC0AB46-168A-49FE-8609-14DF03901DA0}"/>
              </a:ext>
            </a:extLst>
          </p:cNvPr>
          <p:cNvSpPr/>
          <p:nvPr/>
        </p:nvSpPr>
        <p:spPr>
          <a:xfrm>
            <a:off x="1207469" y="1194883"/>
            <a:ext cx="9641059" cy="2018093"/>
          </a:xfrm>
          <a:prstGeom prst="cloud">
            <a:avLst/>
          </a:prstGeom>
          <a:solidFill>
            <a:schemeClr val="bg2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A88A2A99-1F75-448E-91C7-CE5FC02C9E8E}"/>
              </a:ext>
            </a:extLst>
          </p:cNvPr>
          <p:cNvSpPr txBox="1"/>
          <p:nvPr/>
        </p:nvSpPr>
        <p:spPr>
          <a:xfrm>
            <a:off x="1775520" y="1628800"/>
            <a:ext cx="7848871" cy="201622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>
              <a:spcBef>
                <a:spcPts val="1200"/>
              </a:spcBef>
            </a:pPr>
            <a:r>
              <a:rPr lang="da-DK" b="1" dirty="0"/>
              <a:t>Drivhusgasser</a:t>
            </a:r>
          </a:p>
          <a:p>
            <a:pPr algn="ctr">
              <a:spcBef>
                <a:spcPts val="1200"/>
              </a:spcBef>
            </a:pPr>
            <a:r>
              <a:rPr lang="da-DK" dirty="0"/>
              <a:t>Kuldioxid (CO</a:t>
            </a:r>
            <a:r>
              <a:rPr lang="da-DK" baseline="-25000" dirty="0"/>
              <a:t>2</a:t>
            </a:r>
            <a:r>
              <a:rPr lang="da-DK" dirty="0"/>
              <a:t>)         Metan (CH</a:t>
            </a:r>
            <a:r>
              <a:rPr lang="da-DK" baseline="-25000" dirty="0"/>
              <a:t>4</a:t>
            </a:r>
            <a:r>
              <a:rPr lang="da-DK" dirty="0"/>
              <a:t>)</a:t>
            </a:r>
          </a:p>
          <a:p>
            <a:pPr algn="ctr">
              <a:spcBef>
                <a:spcPts val="1200"/>
              </a:spcBef>
            </a:pPr>
            <a:r>
              <a:rPr lang="da-DK" dirty="0"/>
              <a:t>Kvælstofoxider (lattergas N</a:t>
            </a:r>
            <a:r>
              <a:rPr lang="da-DK" baseline="-25000" dirty="0"/>
              <a:t>2</a:t>
            </a:r>
            <a:r>
              <a:rPr lang="da-DK" dirty="0"/>
              <a:t>O)       </a:t>
            </a:r>
            <a:r>
              <a:rPr lang="da-DK" dirty="0" err="1"/>
              <a:t>Halocarbener</a:t>
            </a:r>
            <a:r>
              <a:rPr lang="da-DK" dirty="0"/>
              <a:t> (freon, HFC, CFC) </a:t>
            </a:r>
          </a:p>
        </p:txBody>
      </p:sp>
      <p:sp>
        <p:nvSpPr>
          <p:cNvPr id="15" name="Pil: opadgående 14">
            <a:extLst>
              <a:ext uri="{FF2B5EF4-FFF2-40B4-BE49-F238E27FC236}">
                <a16:creationId xmlns:a16="http://schemas.microsoft.com/office/drawing/2014/main" id="{C0E9A6E9-9978-4A0B-859C-FF8ABC50A732}"/>
              </a:ext>
            </a:extLst>
          </p:cNvPr>
          <p:cNvSpPr/>
          <p:nvPr/>
        </p:nvSpPr>
        <p:spPr>
          <a:xfrm>
            <a:off x="1199456" y="3356992"/>
            <a:ext cx="2520280" cy="3167417"/>
          </a:xfrm>
          <a:prstGeom prst="upArrow">
            <a:avLst>
              <a:gd name="adj1" fmla="val 58639"/>
              <a:gd name="adj2" fmla="val 53894"/>
            </a:avLst>
          </a:prstGeom>
          <a:solidFill>
            <a:schemeClr val="bg1">
              <a:lumMod val="95000"/>
            </a:schemeClr>
          </a:solidFill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 err="1">
                <a:solidFill>
                  <a:schemeClr val="tx1"/>
                </a:solidFill>
              </a:rPr>
              <a:t>Scope</a:t>
            </a:r>
            <a:r>
              <a:rPr lang="da-DK" b="1" dirty="0">
                <a:solidFill>
                  <a:schemeClr val="tx1"/>
                </a:solidFill>
              </a:rPr>
              <a:t> 1</a:t>
            </a:r>
          </a:p>
          <a:p>
            <a:pPr algn="ctr"/>
            <a:endParaRPr lang="da-DK" b="1" dirty="0">
              <a:solidFill>
                <a:schemeClr val="tx1"/>
              </a:solidFill>
            </a:endParaRPr>
          </a:p>
          <a:p>
            <a:pPr algn="ctr"/>
            <a:r>
              <a:rPr lang="da-DK" dirty="0">
                <a:solidFill>
                  <a:schemeClr val="tx1"/>
                </a:solidFill>
              </a:rPr>
              <a:t>Direkte emissioner fra forbrug af </a:t>
            </a:r>
          </a:p>
          <a:p>
            <a:pPr algn="ctr"/>
            <a:r>
              <a:rPr lang="da-DK" dirty="0">
                <a:solidFill>
                  <a:schemeClr val="tx1"/>
                </a:solidFill>
              </a:rPr>
              <a:t>benzin</a:t>
            </a:r>
          </a:p>
          <a:p>
            <a:pPr algn="ctr"/>
            <a:r>
              <a:rPr lang="da-DK" dirty="0">
                <a:solidFill>
                  <a:schemeClr val="tx1"/>
                </a:solidFill>
              </a:rPr>
              <a:t> diesel naturgas</a:t>
            </a:r>
          </a:p>
        </p:txBody>
      </p:sp>
      <p:sp>
        <p:nvSpPr>
          <p:cNvPr id="16" name="Pil: opadgående 15">
            <a:extLst>
              <a:ext uri="{FF2B5EF4-FFF2-40B4-BE49-F238E27FC236}">
                <a16:creationId xmlns:a16="http://schemas.microsoft.com/office/drawing/2014/main" id="{ED8B3CBE-EA97-4EE1-BA8E-6C75B928BC21}"/>
              </a:ext>
            </a:extLst>
          </p:cNvPr>
          <p:cNvSpPr/>
          <p:nvPr/>
        </p:nvSpPr>
        <p:spPr>
          <a:xfrm>
            <a:off x="3943224" y="3357926"/>
            <a:ext cx="3024336" cy="3167418"/>
          </a:xfrm>
          <a:prstGeom prst="upArrow">
            <a:avLst>
              <a:gd name="adj1" fmla="val 62626"/>
              <a:gd name="adj2" fmla="val 53987"/>
            </a:avLst>
          </a:prstGeom>
          <a:solidFill>
            <a:schemeClr val="bg1">
              <a:lumMod val="95000"/>
            </a:schemeClr>
          </a:solidFill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 err="1">
                <a:solidFill>
                  <a:schemeClr val="tx1"/>
                </a:solidFill>
              </a:rPr>
              <a:t>Scope</a:t>
            </a:r>
            <a:r>
              <a:rPr lang="da-DK" b="1" dirty="0">
                <a:solidFill>
                  <a:schemeClr val="tx1"/>
                </a:solidFill>
              </a:rPr>
              <a:t> 2</a:t>
            </a:r>
          </a:p>
          <a:p>
            <a:pPr algn="ctr"/>
            <a:endParaRPr lang="da-DK" b="1" dirty="0">
              <a:solidFill>
                <a:schemeClr val="tx1"/>
              </a:solidFill>
            </a:endParaRPr>
          </a:p>
          <a:p>
            <a:pPr algn="ctr"/>
            <a:r>
              <a:rPr lang="da-DK" dirty="0">
                <a:solidFill>
                  <a:schemeClr val="tx1"/>
                </a:solidFill>
              </a:rPr>
              <a:t>Indirekte</a:t>
            </a:r>
          </a:p>
          <a:p>
            <a:pPr algn="ctr"/>
            <a:r>
              <a:rPr lang="da-DK" dirty="0">
                <a:solidFill>
                  <a:schemeClr val="tx1"/>
                </a:solidFill>
              </a:rPr>
              <a:t>emissioner fra produktion af købt el og varme</a:t>
            </a:r>
          </a:p>
          <a:p>
            <a:pPr algn="ctr"/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17" name="Pil: opadgående 16">
            <a:extLst>
              <a:ext uri="{FF2B5EF4-FFF2-40B4-BE49-F238E27FC236}">
                <a16:creationId xmlns:a16="http://schemas.microsoft.com/office/drawing/2014/main" id="{87E75E5C-3CB6-48A3-9925-7A26FE24F7D9}"/>
              </a:ext>
            </a:extLst>
          </p:cNvPr>
          <p:cNvSpPr/>
          <p:nvPr/>
        </p:nvSpPr>
        <p:spPr>
          <a:xfrm>
            <a:off x="7032104" y="2924945"/>
            <a:ext cx="4752528" cy="3672407"/>
          </a:xfrm>
          <a:prstGeom prst="upArrow">
            <a:avLst>
              <a:gd name="adj1" fmla="val 67007"/>
              <a:gd name="adj2" fmla="val 51095"/>
            </a:avLst>
          </a:prstGeom>
          <a:solidFill>
            <a:schemeClr val="bg1">
              <a:lumMod val="95000"/>
            </a:schemeClr>
          </a:solidFill>
          <a:ln/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 err="1">
                <a:solidFill>
                  <a:schemeClr val="tx1"/>
                </a:solidFill>
              </a:rPr>
              <a:t>Scope</a:t>
            </a:r>
            <a:r>
              <a:rPr lang="da-DK" b="1" dirty="0">
                <a:solidFill>
                  <a:schemeClr val="tx1"/>
                </a:solidFill>
              </a:rPr>
              <a:t> 3</a:t>
            </a:r>
          </a:p>
          <a:p>
            <a:pPr algn="ctr"/>
            <a:r>
              <a:rPr lang="da-DK" b="1" dirty="0">
                <a:solidFill>
                  <a:schemeClr val="tx1"/>
                </a:solidFill>
              </a:rPr>
              <a:t> </a:t>
            </a:r>
            <a:r>
              <a:rPr lang="da-DK" sz="1400" b="1" dirty="0">
                <a:solidFill>
                  <a:schemeClr val="tx1"/>
                </a:solidFill>
              </a:rPr>
              <a:t>(</a:t>
            </a:r>
            <a:r>
              <a:rPr lang="da-DK" sz="1400" dirty="0">
                <a:solidFill>
                  <a:schemeClr val="tx1"/>
                </a:solidFill>
              </a:rPr>
              <a:t>Forbrugsrelaterede klimaaftryk= 95 %)</a:t>
            </a:r>
          </a:p>
          <a:p>
            <a:pPr algn="ctr"/>
            <a:endParaRPr lang="da-DK" sz="800" b="1" dirty="0">
              <a:solidFill>
                <a:schemeClr val="tx1"/>
              </a:solidFill>
            </a:endParaRPr>
          </a:p>
          <a:p>
            <a:pPr algn="ctr"/>
            <a:r>
              <a:rPr lang="da-DK" dirty="0">
                <a:solidFill>
                  <a:schemeClr val="tx1"/>
                </a:solidFill>
              </a:rPr>
              <a:t>Indirekte</a:t>
            </a:r>
          </a:p>
          <a:p>
            <a:pPr algn="ctr"/>
            <a:r>
              <a:rPr lang="da-DK" dirty="0">
                <a:solidFill>
                  <a:schemeClr val="tx1"/>
                </a:solidFill>
              </a:rPr>
              <a:t>emissioner fra indkøb af fødevarer, medicin, byggeri og andre varer og services + opstrøms</a:t>
            </a:r>
          </a:p>
          <a:p>
            <a:pPr algn="ctr"/>
            <a:r>
              <a:rPr lang="da-DK" dirty="0">
                <a:solidFill>
                  <a:schemeClr val="tx1"/>
                </a:solidFill>
              </a:rPr>
              <a:t>energi og transport</a:t>
            </a:r>
          </a:p>
          <a:p>
            <a:pPr algn="ctr"/>
            <a:endParaRPr lang="da-DK" dirty="0">
              <a:solidFill>
                <a:schemeClr val="tx1"/>
              </a:solidFill>
            </a:endParaRPr>
          </a:p>
          <a:p>
            <a:pPr algn="ctr"/>
            <a:endParaRPr lang="da-DK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5295390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0DCCEDAA-8B17-2F44-94F1-3955B6AD708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865EFB9A-1206-A54A-A91C-B1509BBEFB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BFE7445-419D-7648-82D0-E0DD22617D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DAB5548-7253-48D6-B95B-F3D312A72220}" type="slidenum">
              <a:rPr kumimoji="0" lang="en-GB" sz="900" b="1" i="0" u="none" strike="noStrike" kern="1200" cap="none" spc="0" normalizeH="0" baseline="0" noProof="0" smtClean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GB" sz="900" b="1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F2D76C1F-3540-B44F-AF83-CE3D954D73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03092" y="620688"/>
            <a:ext cx="10137524" cy="828000"/>
          </a:xfrm>
        </p:spPr>
        <p:txBody>
          <a:bodyPr/>
          <a:lstStyle/>
          <a:p>
            <a:br>
              <a:rPr lang="da-DK" sz="2800" dirty="0"/>
            </a:br>
            <a:r>
              <a:rPr lang="da-DK" sz="2800" dirty="0">
                <a:latin typeface="+mn-lt"/>
              </a:rPr>
              <a:t>Klimaregnskab 2021</a:t>
            </a:r>
            <a:endParaRPr lang="da-DK" sz="2800" dirty="0">
              <a:highlight>
                <a:srgbClr val="FFFF00"/>
              </a:highlight>
              <a:latin typeface="+mn-lt"/>
            </a:endParaRPr>
          </a:p>
        </p:txBody>
      </p:sp>
      <p:sp>
        <p:nvSpPr>
          <p:cNvPr id="10" name="Pladsholder til indhold 3">
            <a:extLst>
              <a:ext uri="{FF2B5EF4-FFF2-40B4-BE49-F238E27FC236}">
                <a16:creationId xmlns:a16="http://schemas.microsoft.com/office/drawing/2014/main" id="{03238AE2-974E-BE42-AFD0-A4902BBA6FDE}"/>
              </a:ext>
            </a:extLst>
          </p:cNvPr>
          <p:cNvSpPr txBox="1">
            <a:spLocks/>
          </p:cNvSpPr>
          <p:nvPr/>
        </p:nvSpPr>
        <p:spPr>
          <a:xfrm>
            <a:off x="1495096" y="1769562"/>
            <a:ext cx="5248976" cy="1371406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spcAft>
                <a:spcPts val="0"/>
              </a:spcAft>
              <a:buNone/>
            </a:pPr>
            <a:r>
              <a:rPr lang="da-DK" sz="1800" dirty="0"/>
              <a:t>Klimaregnskabet offentliggjort i Power BI </a:t>
            </a:r>
          </a:p>
          <a:p>
            <a:pPr marL="0" indent="0">
              <a:spcAft>
                <a:spcPts val="0"/>
              </a:spcAft>
              <a:buNone/>
            </a:pPr>
            <a:r>
              <a:rPr lang="da-DK" sz="1800" dirty="0" err="1"/>
              <a:t>On-line</a:t>
            </a:r>
            <a:r>
              <a:rPr lang="da-DK" sz="1800" dirty="0"/>
              <a:t>, brugervenligt og interaktivt</a:t>
            </a:r>
          </a:p>
          <a:p>
            <a:pPr marL="0" indent="0">
              <a:spcAft>
                <a:spcPts val="0"/>
              </a:spcAft>
              <a:buNone/>
            </a:pPr>
            <a:endParaRPr lang="da-DK" sz="1800" dirty="0"/>
          </a:p>
          <a:p>
            <a:pPr marL="0" indent="0">
              <a:spcAft>
                <a:spcPts val="0"/>
              </a:spcAft>
              <a:buNone/>
            </a:pPr>
            <a:r>
              <a:rPr lang="da-DK" sz="1800" dirty="0"/>
              <a:t>Fremlagt for MKU den 20. juni 2022 til orientering</a:t>
            </a:r>
            <a:endParaRPr lang="da-DK" sz="2000" dirty="0"/>
          </a:p>
          <a:p>
            <a:endParaRPr lang="da-DK" sz="2000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999999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da-DK" sz="20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	</a:t>
            </a:r>
          </a:p>
          <a:p>
            <a:pPr marL="144000" marR="0" lvl="0" indent="-1440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rgbClr val="999999"/>
              </a:buClr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da-DK" sz="2000" b="0" i="0" u="none" strike="noStrike" kern="1200" cap="none" spc="0" normalizeH="0" baseline="0" noProof="0" dirty="0">
              <a:ln>
                <a:noFill/>
              </a:ln>
              <a:solidFill>
                <a:srgbClr val="333333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" name="Pladsholder til indhold 3">
            <a:extLst>
              <a:ext uri="{FF2B5EF4-FFF2-40B4-BE49-F238E27FC236}">
                <a16:creationId xmlns:a16="http://schemas.microsoft.com/office/drawing/2014/main" id="{F1FE5CED-57EE-469F-AB32-43382DB8BA6B}"/>
              </a:ext>
            </a:extLst>
          </p:cNvPr>
          <p:cNvSpPr txBox="1">
            <a:spLocks/>
          </p:cNvSpPr>
          <p:nvPr/>
        </p:nvSpPr>
        <p:spPr>
          <a:xfrm>
            <a:off x="1466428" y="3424416"/>
            <a:ext cx="5925716" cy="1080120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spcAft>
                <a:spcPts val="300"/>
              </a:spcAft>
              <a:buNone/>
            </a:pPr>
            <a:r>
              <a:rPr lang="da-DK" sz="1800" b="1" dirty="0"/>
              <a:t>Grøn omstillingsrapport 2021 formidler resultaterne</a:t>
            </a:r>
          </a:p>
          <a:p>
            <a:pPr marL="0" indent="0">
              <a:spcAft>
                <a:spcPts val="300"/>
              </a:spcAft>
              <a:buNone/>
            </a:pPr>
            <a:r>
              <a:rPr lang="da-DK" sz="1800" dirty="0"/>
              <a:t>Case-baseret, visuel og let læselig</a:t>
            </a:r>
          </a:p>
          <a:p>
            <a:pPr marL="0" indent="0">
              <a:spcAft>
                <a:spcPts val="300"/>
              </a:spcAft>
              <a:buNone/>
            </a:pPr>
            <a:r>
              <a:rPr lang="da-DK" sz="1800" dirty="0"/>
              <a:t>Klimaregnskab for 2021</a:t>
            </a:r>
          </a:p>
          <a:p>
            <a:pPr marL="0" indent="0">
              <a:spcAft>
                <a:spcPts val="300"/>
              </a:spcAft>
              <a:buNone/>
            </a:pPr>
            <a:r>
              <a:rPr lang="da-DK" sz="1800" dirty="0"/>
              <a:t>Cases og status opdateret frem til september 2022</a:t>
            </a:r>
          </a:p>
          <a:p>
            <a:pPr marL="0" indent="0">
              <a:spcAft>
                <a:spcPts val="300"/>
              </a:spcAft>
              <a:buNone/>
            </a:pPr>
            <a:endParaRPr lang="da-DK" sz="1800" dirty="0"/>
          </a:p>
          <a:p>
            <a:pPr marL="0" indent="0">
              <a:spcAft>
                <a:spcPts val="300"/>
              </a:spcAft>
              <a:buNone/>
            </a:pPr>
            <a:r>
              <a:rPr lang="da-DK" sz="1800" b="1" dirty="0"/>
              <a:t>MKU drøfte den 3. oktober:</a:t>
            </a:r>
          </a:p>
          <a:p>
            <a:pPr>
              <a:spcAft>
                <a:spcPts val="300"/>
              </a:spcAft>
            </a:pPr>
            <a:r>
              <a:rPr lang="da-DK" sz="1800" dirty="0"/>
              <a:t>Fremadrettet fokus</a:t>
            </a:r>
          </a:p>
          <a:p>
            <a:pPr>
              <a:spcAft>
                <a:spcPts val="300"/>
              </a:spcAft>
            </a:pPr>
            <a:r>
              <a:rPr lang="da-DK" sz="1800" dirty="0"/>
              <a:t>Styrket kommunikation, fx demonstrationsprojekter</a:t>
            </a:r>
            <a:r>
              <a:rPr kumimoji="0" lang="da-DK" sz="2000" b="0" i="0" u="none" strike="noStrike" kern="1200" cap="none" spc="0" normalizeH="0" baseline="0" noProof="0" dirty="0">
                <a:ln>
                  <a:noFill/>
                </a:ln>
                <a:solidFill>
                  <a:srgbClr val="33333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	</a:t>
            </a: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22459BF9-336A-4F95-8F7E-5A2B2DB0307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009067" y="476672"/>
            <a:ext cx="4495546" cy="2398703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C699DACB-89E1-4155-BCEA-7A126E0ADE9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527983" y="3717032"/>
            <a:ext cx="3824601" cy="2232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972298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ktangel 11">
            <a:extLst>
              <a:ext uri="{FF2B5EF4-FFF2-40B4-BE49-F238E27FC236}">
                <a16:creationId xmlns:a16="http://schemas.microsoft.com/office/drawing/2014/main" id="{A3D80CF5-0DF3-41E1-8DF9-3EF3D6A7B2C7}"/>
              </a:ext>
            </a:extLst>
          </p:cNvPr>
          <p:cNvSpPr/>
          <p:nvPr/>
        </p:nvSpPr>
        <p:spPr>
          <a:xfrm>
            <a:off x="0" y="-27429"/>
            <a:ext cx="8496944" cy="6885429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0DCCEDAA-8B17-2F44-94F1-3955B6AD708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865EFB9A-1206-A54A-A91C-B1509BBEFB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00" b="0" i="0" u="none" strike="noStrike" kern="1200" cap="none" spc="0" normalizeH="0" baseline="0" noProof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F2D76C1F-3540-B44F-AF83-CE3D954D73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7408" y="213513"/>
            <a:ext cx="10137524" cy="828000"/>
          </a:xfrm>
        </p:spPr>
        <p:txBody>
          <a:bodyPr/>
          <a:lstStyle/>
          <a:p>
            <a:br>
              <a:rPr lang="da-DK" sz="2800" dirty="0"/>
            </a:br>
            <a:r>
              <a:rPr lang="da-DK" sz="2800" dirty="0"/>
              <a:t>Samlet CO</a:t>
            </a:r>
            <a:r>
              <a:rPr lang="da-DK" sz="2800" baseline="-25000" dirty="0"/>
              <a:t>2</a:t>
            </a:r>
            <a:r>
              <a:rPr lang="da-DK" sz="2800" dirty="0"/>
              <a:t>-udledning og fordeling</a:t>
            </a:r>
            <a:endParaRPr lang="da-DK" sz="2800" dirty="0">
              <a:highlight>
                <a:srgbClr val="FFFF00"/>
              </a:highlight>
            </a:endParaRPr>
          </a:p>
        </p:txBody>
      </p:sp>
      <p:pic>
        <p:nvPicPr>
          <p:cNvPr id="14" name="Billede 13">
            <a:extLst>
              <a:ext uri="{FF2B5EF4-FFF2-40B4-BE49-F238E27FC236}">
                <a16:creationId xmlns:a16="http://schemas.microsoft.com/office/drawing/2014/main" id="{94B0D09A-2252-4681-940F-30636E32DD9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08368" y="1041513"/>
            <a:ext cx="6448272" cy="5555839"/>
          </a:xfrm>
          <a:prstGeom prst="rect">
            <a:avLst/>
          </a:prstGeom>
        </p:spPr>
      </p:pic>
      <p:graphicFrame>
        <p:nvGraphicFramePr>
          <p:cNvPr id="10" name="Diagram 9">
            <a:extLst>
              <a:ext uri="{FF2B5EF4-FFF2-40B4-BE49-F238E27FC236}">
                <a16:creationId xmlns:a16="http://schemas.microsoft.com/office/drawing/2014/main" id="{9B008B79-9911-4194-A200-8AE89C0F23E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09183326"/>
              </p:ext>
            </p:extLst>
          </p:nvPr>
        </p:nvGraphicFramePr>
        <p:xfrm>
          <a:off x="-528736" y="2204864"/>
          <a:ext cx="6192688" cy="391306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extLst>
      <p:ext uri="{BB962C8B-B14F-4D97-AF65-F5344CB8AC3E}">
        <p14:creationId xmlns:p14="http://schemas.microsoft.com/office/powerpoint/2010/main" val="32012931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Graphic spid="10" grpId="0">
        <p:bldAsOne/>
      </p:bldGraphic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Rektangel 16">
            <a:extLst>
              <a:ext uri="{FF2B5EF4-FFF2-40B4-BE49-F238E27FC236}">
                <a16:creationId xmlns:a16="http://schemas.microsoft.com/office/drawing/2014/main" id="{2A5A48E9-75E2-4DF5-8D5A-043F14081207}"/>
              </a:ext>
            </a:extLst>
          </p:cNvPr>
          <p:cNvSpPr/>
          <p:nvPr/>
        </p:nvSpPr>
        <p:spPr>
          <a:xfrm>
            <a:off x="9146" y="0"/>
            <a:ext cx="12191998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57162520-9CC3-45B2-90CA-CB6C57D8BCE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885CD041-F216-419A-8C04-3A627DF113B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CD0D15A-0834-4CA8-BBD4-261E104D4C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15" name="Titel 14">
            <a:extLst>
              <a:ext uri="{FF2B5EF4-FFF2-40B4-BE49-F238E27FC236}">
                <a16:creationId xmlns:a16="http://schemas.microsoft.com/office/drawing/2014/main" id="{8F54858C-1CC0-484A-AC90-8C3BE027FC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79894" y="283126"/>
            <a:ext cx="10137524" cy="488272"/>
          </a:xfrm>
          <a:solidFill>
            <a:schemeClr val="bg1"/>
          </a:solidFill>
        </p:spPr>
        <p:txBody>
          <a:bodyPr/>
          <a:lstStyle/>
          <a:p>
            <a:r>
              <a:rPr lang="da-DK" dirty="0"/>
              <a:t>Årshjul Grøn2030</a:t>
            </a:r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545861E9-508E-482B-8BAF-71047E966CC3}"/>
              </a:ext>
            </a:extLst>
          </p:cNvPr>
          <p:cNvSpPr/>
          <p:nvPr/>
        </p:nvSpPr>
        <p:spPr>
          <a:xfrm>
            <a:off x="6404640" y="850486"/>
            <a:ext cx="1512168" cy="658695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400" dirty="0">
              <a:solidFill>
                <a:schemeClr val="tx1"/>
              </a:solidFill>
            </a:endParaRPr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CC3795E0-0065-4D91-B730-069DD7537960}"/>
              </a:ext>
            </a:extLst>
          </p:cNvPr>
          <p:cNvSpPr/>
          <p:nvPr/>
        </p:nvSpPr>
        <p:spPr>
          <a:xfrm>
            <a:off x="8852912" y="1613060"/>
            <a:ext cx="1512168" cy="831336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400" dirty="0">
              <a:solidFill>
                <a:schemeClr val="tx1"/>
              </a:solidFill>
            </a:endParaRPr>
          </a:p>
        </p:txBody>
      </p:sp>
      <p:sp>
        <p:nvSpPr>
          <p:cNvPr id="10" name="Rektangel 9">
            <a:extLst>
              <a:ext uri="{FF2B5EF4-FFF2-40B4-BE49-F238E27FC236}">
                <a16:creationId xmlns:a16="http://schemas.microsoft.com/office/drawing/2014/main" id="{7C98BD61-6884-4E66-A52A-9EB76652F3C8}"/>
              </a:ext>
            </a:extLst>
          </p:cNvPr>
          <p:cNvSpPr/>
          <p:nvPr/>
        </p:nvSpPr>
        <p:spPr>
          <a:xfrm>
            <a:off x="8564880" y="3812548"/>
            <a:ext cx="1512168" cy="658695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400" dirty="0">
              <a:solidFill>
                <a:schemeClr val="tx1"/>
              </a:solidFill>
            </a:endParaRPr>
          </a:p>
        </p:txBody>
      </p:sp>
      <p:sp>
        <p:nvSpPr>
          <p:cNvPr id="11" name="Rektangel 10">
            <a:extLst>
              <a:ext uri="{FF2B5EF4-FFF2-40B4-BE49-F238E27FC236}">
                <a16:creationId xmlns:a16="http://schemas.microsoft.com/office/drawing/2014/main" id="{BD481BA5-10B9-4704-84F1-E68493A9D530}"/>
              </a:ext>
            </a:extLst>
          </p:cNvPr>
          <p:cNvSpPr/>
          <p:nvPr/>
        </p:nvSpPr>
        <p:spPr>
          <a:xfrm>
            <a:off x="6620664" y="4747763"/>
            <a:ext cx="1656184" cy="936993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400" dirty="0">
              <a:solidFill>
                <a:schemeClr val="tx1"/>
              </a:solidFill>
            </a:endParaRPr>
          </a:p>
        </p:txBody>
      </p:sp>
      <p:graphicFrame>
        <p:nvGraphicFramePr>
          <p:cNvPr id="25" name="Diagram 24">
            <a:extLst>
              <a:ext uri="{FF2B5EF4-FFF2-40B4-BE49-F238E27FC236}">
                <a16:creationId xmlns:a16="http://schemas.microsoft.com/office/drawing/2014/main" id="{ABA22BA5-D74F-48C0-837F-8BF00D12FC5C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436101527"/>
              </p:ext>
            </p:extLst>
          </p:nvPr>
        </p:nvGraphicFramePr>
        <p:xfrm>
          <a:off x="2735248" y="1113734"/>
          <a:ext cx="6840760" cy="455226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6" name="Rektangel 5">
            <a:extLst>
              <a:ext uri="{FF2B5EF4-FFF2-40B4-BE49-F238E27FC236}">
                <a16:creationId xmlns:a16="http://schemas.microsoft.com/office/drawing/2014/main" id="{9A90DE69-123C-471A-A81C-7694666628A0}"/>
              </a:ext>
            </a:extLst>
          </p:cNvPr>
          <p:cNvSpPr/>
          <p:nvPr/>
        </p:nvSpPr>
        <p:spPr>
          <a:xfrm>
            <a:off x="5828576" y="2588412"/>
            <a:ext cx="1440160" cy="1080120"/>
          </a:xfrm>
          <a:prstGeom prst="rect">
            <a:avLst/>
          </a:prstGeom>
          <a:noFill/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2" name="Rektangel 11">
            <a:extLst>
              <a:ext uri="{FF2B5EF4-FFF2-40B4-BE49-F238E27FC236}">
                <a16:creationId xmlns:a16="http://schemas.microsoft.com/office/drawing/2014/main" id="{DE4EDACC-FEBE-47C0-975B-5AC436A1D733}"/>
              </a:ext>
            </a:extLst>
          </p:cNvPr>
          <p:cNvSpPr/>
          <p:nvPr/>
        </p:nvSpPr>
        <p:spPr>
          <a:xfrm>
            <a:off x="5188024" y="2544684"/>
            <a:ext cx="2084902" cy="1296144"/>
          </a:xfrm>
          <a:prstGeom prst="rect">
            <a:avLst/>
          </a:prstGeom>
          <a:noFill/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600" dirty="0">
                <a:solidFill>
                  <a:srgbClr val="333333"/>
                </a:solidFill>
                <a:latin typeface="Arial"/>
              </a:rPr>
              <a:t>Eksekvering og løbende opfølgning i indsatsområderne</a:t>
            </a: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DB1C3CC9-22E5-4843-BBD1-9225CDB4886F}"/>
              </a:ext>
            </a:extLst>
          </p:cNvPr>
          <p:cNvSpPr/>
          <p:nvPr/>
        </p:nvSpPr>
        <p:spPr>
          <a:xfrm>
            <a:off x="5243900" y="773557"/>
            <a:ext cx="1879213" cy="408834"/>
          </a:xfrm>
          <a:prstGeom prst="rect">
            <a:avLst/>
          </a:prstGeom>
          <a:noFill/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600" b="1" dirty="0">
                <a:solidFill>
                  <a:srgbClr val="333333"/>
                </a:solidFill>
                <a:latin typeface="Arial"/>
              </a:rPr>
              <a:t>Verdensmålspris</a:t>
            </a:r>
          </a:p>
          <a:p>
            <a:pPr lvl="0" algn="ctr"/>
            <a:r>
              <a:rPr lang="da-DK" sz="1100" dirty="0">
                <a:solidFill>
                  <a:srgbClr val="333333"/>
                </a:solidFill>
                <a:latin typeface="Arial"/>
              </a:rPr>
              <a:t>November</a:t>
            </a:r>
          </a:p>
        </p:txBody>
      </p:sp>
      <p:pic>
        <p:nvPicPr>
          <p:cNvPr id="18" name="Billede 17">
            <a:extLst>
              <a:ext uri="{FF2B5EF4-FFF2-40B4-BE49-F238E27FC236}">
                <a16:creationId xmlns:a16="http://schemas.microsoft.com/office/drawing/2014/main" id="{16B47AAA-07EA-47A2-B880-45416CE2C6B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192344" y="291097"/>
            <a:ext cx="1716597" cy="2417823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19" name="Billede 18">
            <a:extLst>
              <a:ext uri="{FF2B5EF4-FFF2-40B4-BE49-F238E27FC236}">
                <a16:creationId xmlns:a16="http://schemas.microsoft.com/office/drawing/2014/main" id="{1E2D8C65-3153-4361-A9FE-7ECE46C48001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11424" y="4673064"/>
            <a:ext cx="2803463" cy="1636256"/>
          </a:xfrm>
          <a:prstGeom prst="rect">
            <a:avLst/>
          </a:prstGeom>
        </p:spPr>
      </p:pic>
      <p:pic>
        <p:nvPicPr>
          <p:cNvPr id="20" name="Billede 19">
            <a:extLst>
              <a:ext uri="{FF2B5EF4-FFF2-40B4-BE49-F238E27FC236}">
                <a16:creationId xmlns:a16="http://schemas.microsoft.com/office/drawing/2014/main" id="{27863940-E911-44A6-B2ED-3F31946D0F15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8692451" y="4539317"/>
            <a:ext cx="3452221" cy="1842012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C5253CCD-04B9-4163-8CF4-986D88BA6C9A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34926" y="1146567"/>
            <a:ext cx="2690012" cy="228330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9233089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ktangel 11">
            <a:extLst>
              <a:ext uri="{FF2B5EF4-FFF2-40B4-BE49-F238E27FC236}">
                <a16:creationId xmlns:a16="http://schemas.microsoft.com/office/drawing/2014/main" id="{85CC691B-0E35-419B-A096-EE2A4F92E48A}"/>
              </a:ext>
            </a:extLst>
          </p:cNvPr>
          <p:cNvSpPr/>
          <p:nvPr/>
        </p:nvSpPr>
        <p:spPr>
          <a:xfrm>
            <a:off x="9146" y="0"/>
            <a:ext cx="12191998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graphicFrame>
        <p:nvGraphicFramePr>
          <p:cNvPr id="2" name="Diagram 1">
            <a:extLst>
              <a:ext uri="{FF2B5EF4-FFF2-40B4-BE49-F238E27FC236}">
                <a16:creationId xmlns:a16="http://schemas.microsoft.com/office/drawing/2014/main" id="{2C78DDD7-7512-4A29-AA9C-E21D6D436A84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987951415"/>
              </p:ext>
            </p:extLst>
          </p:nvPr>
        </p:nvGraphicFramePr>
        <p:xfrm>
          <a:off x="1119354" y="367597"/>
          <a:ext cx="4680520" cy="489654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3" name="Tekstfelt 2">
            <a:extLst>
              <a:ext uri="{FF2B5EF4-FFF2-40B4-BE49-F238E27FC236}">
                <a16:creationId xmlns:a16="http://schemas.microsoft.com/office/drawing/2014/main" id="{D7569B0D-FAAD-42A4-9351-80FA854AA6BD}"/>
              </a:ext>
            </a:extLst>
          </p:cNvPr>
          <p:cNvSpPr txBox="1"/>
          <p:nvPr/>
        </p:nvSpPr>
        <p:spPr>
          <a:xfrm>
            <a:off x="6911752" y="1484784"/>
            <a:ext cx="4040542" cy="4320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2400" b="1" dirty="0">
                <a:latin typeface="Arial"/>
              </a:rPr>
              <a:t>På vej i 2022</a:t>
            </a:r>
            <a:endParaRPr kumimoji="0" lang="da-DK" sz="2400" b="1" i="0" u="none" strike="noStrike" kern="1200" cap="none" spc="0" normalizeH="0" baseline="0" dirty="0">
              <a:ln>
                <a:noFill/>
              </a:ln>
              <a:effectLst/>
              <a:uLnTx/>
              <a:uFillTx/>
              <a:latin typeface="Arial"/>
            </a:endParaRPr>
          </a:p>
        </p:txBody>
      </p:sp>
      <p:graphicFrame>
        <p:nvGraphicFramePr>
          <p:cNvPr id="16" name="Diagram 15">
            <a:extLst>
              <a:ext uri="{FF2B5EF4-FFF2-40B4-BE49-F238E27FC236}">
                <a16:creationId xmlns:a16="http://schemas.microsoft.com/office/drawing/2014/main" id="{A5A6A1D5-DB5E-497E-8C48-491EF765E4EC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00294765"/>
              </p:ext>
            </p:extLst>
          </p:nvPr>
        </p:nvGraphicFramePr>
        <p:xfrm>
          <a:off x="6155880" y="2153310"/>
          <a:ext cx="4752528" cy="230746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8" r:lo="rId9" r:qs="rId10" r:cs="rId11"/>
          </a:graphicData>
        </a:graphic>
      </p:graphicFrame>
      <p:sp>
        <p:nvSpPr>
          <p:cNvPr id="7" name="Tekstfelt 6">
            <a:extLst>
              <a:ext uri="{FF2B5EF4-FFF2-40B4-BE49-F238E27FC236}">
                <a16:creationId xmlns:a16="http://schemas.microsoft.com/office/drawing/2014/main" id="{5D0AB03B-4B45-48F9-887D-AB08D19D20FA}"/>
              </a:ext>
            </a:extLst>
          </p:cNvPr>
          <p:cNvSpPr txBox="1"/>
          <p:nvPr/>
        </p:nvSpPr>
        <p:spPr>
          <a:xfrm>
            <a:off x="1119354" y="261944"/>
            <a:ext cx="11584796" cy="7200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3600" b="1" i="0" u="none" strike="noStrike" kern="1200" cap="none" spc="0" normalizeH="0" baseline="0" dirty="0">
                <a:ln>
                  <a:noFill/>
                </a:ln>
                <a:effectLst/>
                <a:uLnTx/>
                <a:uFillTx/>
                <a:latin typeface="Arial"/>
              </a:rPr>
              <a:t>Når vi målene i </a:t>
            </a:r>
            <a:r>
              <a:rPr lang="da-DK" sz="3600" b="1" dirty="0">
                <a:latin typeface="Arial"/>
              </a:rPr>
              <a:t>indsatsområderne i Grøn2030?</a:t>
            </a:r>
            <a:endParaRPr kumimoji="0" lang="da-DK" sz="3600" b="1" i="0" u="none" strike="noStrike" kern="1200" cap="none" spc="0" normalizeH="0" baseline="0" dirty="0">
              <a:ln>
                <a:noFill/>
              </a:ln>
              <a:effectLst/>
              <a:uLnTx/>
              <a:uFillTx/>
              <a:latin typeface="Arial"/>
            </a:endParaRPr>
          </a:p>
        </p:txBody>
      </p:sp>
      <p:grpSp>
        <p:nvGrpSpPr>
          <p:cNvPr id="9" name="Gruppe 8">
            <a:extLst>
              <a:ext uri="{FF2B5EF4-FFF2-40B4-BE49-F238E27FC236}">
                <a16:creationId xmlns:a16="http://schemas.microsoft.com/office/drawing/2014/main" id="{41819C97-E545-4B9A-A7DF-19C81264D4BF}"/>
              </a:ext>
            </a:extLst>
          </p:cNvPr>
          <p:cNvGrpSpPr/>
          <p:nvPr/>
        </p:nvGrpSpPr>
        <p:grpSpPr>
          <a:xfrm>
            <a:off x="911424" y="6342780"/>
            <a:ext cx="4680520" cy="215280"/>
            <a:chOff x="0" y="4672661"/>
            <a:chExt cx="4680520" cy="215280"/>
          </a:xfrm>
        </p:grpSpPr>
        <p:sp>
          <p:nvSpPr>
            <p:cNvPr id="10" name="Rektangel 9">
              <a:extLst>
                <a:ext uri="{FF2B5EF4-FFF2-40B4-BE49-F238E27FC236}">
                  <a16:creationId xmlns:a16="http://schemas.microsoft.com/office/drawing/2014/main" id="{727106A0-2B1F-4A08-898D-0E38A9194849}"/>
                </a:ext>
              </a:extLst>
            </p:cNvPr>
            <p:cNvSpPr/>
            <p:nvPr/>
          </p:nvSpPr>
          <p:spPr>
            <a:xfrm>
              <a:off x="0" y="4672661"/>
              <a:ext cx="4680520" cy="215280"/>
            </a:xfrm>
            <a:prstGeom prst="rect">
              <a:avLst/>
            </a:prstGeom>
          </p:spPr>
          <p:style>
            <a:lnRef idx="0">
              <a:schemeClr val="dk1">
                <a:alpha val="0"/>
                <a:hueOff val="0"/>
                <a:satOff val="0"/>
                <a:lumOff val="0"/>
                <a:alphaOff val="0"/>
              </a:schemeClr>
            </a:lnRef>
            <a:fillRef idx="0">
              <a:schemeClr val="lt1">
                <a:alpha val="0"/>
                <a:hueOff val="0"/>
                <a:satOff val="0"/>
                <a:lumOff val="0"/>
                <a:alphaOff val="0"/>
              </a:schemeClr>
            </a:fillRef>
            <a:effectRef idx="0">
              <a:schemeClr val="lt1">
                <a:alpha val="0"/>
                <a:hueOff val="0"/>
                <a:satOff val="0"/>
                <a:lumOff val="0"/>
                <a:alphaOff val="0"/>
              </a:schemeClr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</p:sp>
        <p:sp>
          <p:nvSpPr>
            <p:cNvPr id="11" name="Tekstfelt 10">
              <a:extLst>
                <a:ext uri="{FF2B5EF4-FFF2-40B4-BE49-F238E27FC236}">
                  <a16:creationId xmlns:a16="http://schemas.microsoft.com/office/drawing/2014/main" id="{092F5215-2124-4CA1-A412-0F33B620814C}"/>
                </a:ext>
              </a:extLst>
            </p:cNvPr>
            <p:cNvSpPr txBox="1"/>
            <p:nvPr/>
          </p:nvSpPr>
          <p:spPr>
            <a:xfrm>
              <a:off x="0" y="4672661"/>
              <a:ext cx="4680520" cy="215280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 spcFirstLastPara="0" vert="horz" wrap="square" lIns="148607" tIns="17780" rIns="99568" bIns="17780" numCol="1" spcCol="1270" anchor="t" anchorCtr="0">
              <a:noAutofit/>
            </a:bodyPr>
            <a:lstStyle/>
            <a:p>
              <a:pPr marL="114300" lvl="1" indent="-114300" algn="l" defTabSz="622300">
                <a:lnSpc>
                  <a:spcPct val="90000"/>
                </a:lnSpc>
                <a:spcBef>
                  <a:spcPct val="0"/>
                </a:spcBef>
                <a:spcAft>
                  <a:spcPct val="20000"/>
                </a:spcAft>
                <a:buChar char="•"/>
              </a:pPr>
              <a:endParaRPr lang="da-DK" sz="1400" kern="1200" dirty="0"/>
            </a:p>
          </p:txBody>
        </p:sp>
      </p:grpSp>
      <p:sp>
        <p:nvSpPr>
          <p:cNvPr id="13" name="Rektangel: afrundede hjørner 12">
            <a:extLst>
              <a:ext uri="{FF2B5EF4-FFF2-40B4-BE49-F238E27FC236}">
                <a16:creationId xmlns:a16="http://schemas.microsoft.com/office/drawing/2014/main" id="{BF227C54-FF57-4E2B-ABAD-F1DFEB16B102}"/>
              </a:ext>
            </a:extLst>
          </p:cNvPr>
          <p:cNvSpPr/>
          <p:nvPr/>
        </p:nvSpPr>
        <p:spPr>
          <a:xfrm>
            <a:off x="1093458" y="5326340"/>
            <a:ext cx="4680520" cy="597943"/>
          </a:xfrm>
          <a:prstGeom prst="roundRect">
            <a:avLst/>
          </a:prstGeom>
          <a:solidFill>
            <a:schemeClr val="accent3">
              <a:lumMod val="40000"/>
              <a:lumOff val="60000"/>
            </a:schemeClr>
          </a:solidFill>
        </p:spPr>
        <p:style>
          <a:lnRef idx="2">
            <a:schemeClr val="lt1">
              <a:hueOff val="0"/>
              <a:satOff val="0"/>
              <a:lumOff val="0"/>
              <a:alphaOff val="0"/>
            </a:schemeClr>
          </a:lnRef>
          <a:fillRef idx="1">
            <a:schemeClr val="accent5">
              <a:hueOff val="-12741959"/>
              <a:satOff val="-60320"/>
              <a:lumOff val="35294"/>
              <a:alphaOff val="0"/>
            </a:schemeClr>
          </a:fillRef>
          <a:effectRef idx="0">
            <a:schemeClr val="accent5">
              <a:hueOff val="-12741959"/>
              <a:satOff val="-60320"/>
              <a:lumOff val="35294"/>
              <a:alphaOff val="0"/>
            </a:schemeClr>
          </a:effectRef>
          <a:fontRef idx="minor">
            <a:schemeClr val="lt1"/>
          </a:fontRef>
        </p:style>
        <p:txBody>
          <a:bodyPr/>
          <a:lstStyle/>
          <a:p>
            <a:r>
              <a:rPr lang="da-DK" sz="2400" dirty="0"/>
              <a:t>Bæredygtigt byggeri (ny)</a:t>
            </a:r>
          </a:p>
        </p:txBody>
      </p:sp>
    </p:spTree>
    <p:extLst>
      <p:ext uri="{BB962C8B-B14F-4D97-AF65-F5344CB8AC3E}">
        <p14:creationId xmlns:p14="http://schemas.microsoft.com/office/powerpoint/2010/main" val="17478230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Billede 14">
            <a:extLst>
              <a:ext uri="{FF2B5EF4-FFF2-40B4-BE49-F238E27FC236}">
                <a16:creationId xmlns:a16="http://schemas.microsoft.com/office/drawing/2014/main" id="{BECF6902-0026-40E7-AB21-4772E3AEB51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563" y="0"/>
            <a:ext cx="8767859" cy="6858000"/>
          </a:xfrm>
          <a:prstGeom prst="rect">
            <a:avLst/>
          </a:prstGeom>
        </p:spPr>
      </p:pic>
      <p:sp>
        <p:nvSpPr>
          <p:cNvPr id="17" name="Rektangel 16">
            <a:extLst>
              <a:ext uri="{FF2B5EF4-FFF2-40B4-BE49-F238E27FC236}">
                <a16:creationId xmlns:a16="http://schemas.microsoft.com/office/drawing/2014/main" id="{08B60A42-B282-4D9F-A491-BD62F9A1D698}"/>
              </a:ext>
            </a:extLst>
          </p:cNvPr>
          <p:cNvSpPr/>
          <p:nvPr/>
        </p:nvSpPr>
        <p:spPr>
          <a:xfrm>
            <a:off x="8616280" y="0"/>
            <a:ext cx="3575720" cy="6858000"/>
          </a:xfrm>
          <a:prstGeom prst="rect">
            <a:avLst/>
          </a:prstGeom>
          <a:solidFill>
            <a:srgbClr val="193C65">
              <a:hueOff val="-7645176"/>
              <a:satOff val="-36192"/>
              <a:lumOff val="21176"/>
              <a:alphaOff val="0"/>
            </a:srgbClr>
          </a:solidFill>
          <a:ln w="25400" cap="flat" cmpd="sng" algn="ctr">
            <a:solidFill>
              <a:srgbClr val="FFFFFF">
                <a:hueOff val="0"/>
                <a:satOff val="0"/>
                <a:lumOff val="0"/>
                <a:alphaOff val="0"/>
              </a:srgbClr>
            </a:solidFill>
            <a:prstDash val="solid"/>
          </a:ln>
          <a:effectLst/>
        </p:spPr>
      </p:sp>
      <p:sp>
        <p:nvSpPr>
          <p:cNvPr id="21" name="Tekstfelt 20">
            <a:extLst>
              <a:ext uri="{FF2B5EF4-FFF2-40B4-BE49-F238E27FC236}">
                <a16:creationId xmlns:a16="http://schemas.microsoft.com/office/drawing/2014/main" id="{D2DA5226-32CA-4BB7-A7C4-8B06EC5CB960}"/>
              </a:ext>
            </a:extLst>
          </p:cNvPr>
          <p:cNvSpPr txBox="1"/>
          <p:nvPr/>
        </p:nvSpPr>
        <p:spPr>
          <a:xfrm>
            <a:off x="8976320" y="1411347"/>
            <a:ext cx="2808312" cy="54861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3200" b="1" dirty="0">
                <a:solidFill>
                  <a:schemeClr val="bg1"/>
                </a:solidFill>
              </a:rPr>
              <a:t>Affalds-ressourcer</a:t>
            </a:r>
          </a:p>
          <a:p>
            <a:endParaRPr lang="da-DK" dirty="0"/>
          </a:p>
          <a:p>
            <a:pPr lvl="0"/>
            <a:r>
              <a:rPr lang="da-DK" sz="2400" dirty="0">
                <a:solidFill>
                  <a:prstClr val="white"/>
                </a:solidFill>
              </a:rPr>
              <a:t>I gang og på vej </a:t>
            </a:r>
          </a:p>
          <a:p>
            <a:pPr lvl="0"/>
            <a:endParaRPr lang="da-DK" sz="1050" dirty="0">
              <a:solidFill>
                <a:prstClr val="white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da-DK" dirty="0"/>
          </a:p>
          <a:p>
            <a:pPr marL="342900" lvl="0" indent="-342900">
              <a:buFont typeface="Arial" panose="020B0604020202020204" pitchFamily="34" charset="0"/>
              <a:buChar char="•"/>
            </a:pPr>
            <a:r>
              <a:rPr lang="da-DK" dirty="0">
                <a:solidFill>
                  <a:prstClr val="white"/>
                </a:solidFill>
              </a:rPr>
              <a:t>Fælles </a:t>
            </a:r>
            <a:r>
              <a:rPr lang="da-DK" dirty="0" err="1">
                <a:solidFill>
                  <a:prstClr val="white"/>
                </a:solidFill>
              </a:rPr>
              <a:t>kilde-sorterings</a:t>
            </a:r>
            <a:r>
              <a:rPr lang="da-DK" dirty="0">
                <a:solidFill>
                  <a:prstClr val="white"/>
                </a:solidFill>
              </a:rPr>
              <a:t>- og logistiksystem på alle matrikler</a:t>
            </a:r>
          </a:p>
          <a:p>
            <a:pPr marL="342900" lvl="0" indent="-342900">
              <a:buFont typeface="Arial" panose="020B0604020202020204" pitchFamily="34" charset="0"/>
              <a:buChar char="•"/>
            </a:pPr>
            <a:r>
              <a:rPr lang="da-DK" dirty="0">
                <a:solidFill>
                  <a:prstClr val="white"/>
                </a:solidFill>
              </a:rPr>
              <a:t>Sikre ledelsesmæssig forankring på hospitalerne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CE245CCA-5FED-480B-9C2E-D6BA4B90580C}"/>
              </a:ext>
            </a:extLst>
          </p:cNvPr>
          <p:cNvPicPr>
            <a:picLocks/>
          </p:cNvPicPr>
          <p:nvPr/>
        </p:nvPicPr>
        <p:blipFill>
          <a:blip r:embed="rId4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ackgroundRemoval t="10000" b="90000" l="10000" r="90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9912424" y="476672"/>
            <a:ext cx="648072" cy="720080"/>
          </a:xfrm>
          <a:prstGeom prst="rect">
            <a:avLst/>
          </a:prstGeom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B74BC5EB-2864-4B09-B166-16BA57204D8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8278" y="0"/>
            <a:ext cx="6365754" cy="2132856"/>
          </a:xfrm>
          <a:prstGeom prst="rect">
            <a:avLst/>
          </a:prstGeom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F91BA91B-7C51-40A8-B636-7013697AD36F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238372" y="2189773"/>
            <a:ext cx="4363724" cy="1743283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32A67630-9631-4CDB-98DD-001FD57E9570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0" y="3876139"/>
            <a:ext cx="5699094" cy="29912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512273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Billede 13">
            <a:extLst>
              <a:ext uri="{FF2B5EF4-FFF2-40B4-BE49-F238E27FC236}">
                <a16:creationId xmlns:a16="http://schemas.microsoft.com/office/drawing/2014/main" id="{47880BB5-D686-42AB-A8AE-DA42D9E061D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-7563" y="0"/>
            <a:ext cx="8609659" cy="6858000"/>
          </a:xfrm>
          <a:prstGeom prst="rect">
            <a:avLst/>
          </a:pr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C6E8D3D1-106D-4DB7-8B45-B258925EA21D}"/>
              </a:ext>
            </a:extLst>
          </p:cNvPr>
          <p:cNvSpPr/>
          <p:nvPr/>
        </p:nvSpPr>
        <p:spPr>
          <a:xfrm>
            <a:off x="7392144" y="0"/>
            <a:ext cx="4799856" cy="6885384"/>
          </a:xfrm>
          <a:prstGeom prst="rect">
            <a:avLst/>
          </a:prstGeom>
          <a:solidFill>
            <a:srgbClr val="193C65">
              <a:hueOff val="-12741959"/>
              <a:satOff val="-60320"/>
              <a:lumOff val="35294"/>
              <a:alphaOff val="0"/>
            </a:srgbClr>
          </a:solidFill>
          <a:ln w="25400" cap="flat" cmpd="sng" algn="ctr">
            <a:solidFill>
              <a:srgbClr val="FFFFFF">
                <a:hueOff val="0"/>
                <a:satOff val="0"/>
                <a:lumOff val="0"/>
                <a:alphaOff val="0"/>
              </a:srgbClr>
            </a:solidFill>
            <a:prstDash val="solid"/>
          </a:ln>
          <a:effectLst/>
        </p:spPr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1914746B-6BCD-4737-9A98-2E8056AAB704}"/>
              </a:ext>
            </a:extLst>
          </p:cNvPr>
          <p:cNvSpPr txBox="1"/>
          <p:nvPr/>
        </p:nvSpPr>
        <p:spPr>
          <a:xfrm>
            <a:off x="7896200" y="1270159"/>
            <a:ext cx="4032448" cy="1077218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3200" b="1" dirty="0">
                <a:solidFill>
                  <a:schemeClr val="bg1"/>
                </a:solidFill>
              </a:rPr>
              <a:t>Energi</a:t>
            </a:r>
          </a:p>
          <a:p>
            <a:endParaRPr lang="da-DK" dirty="0">
              <a:solidFill>
                <a:schemeClr val="bg1"/>
              </a:solidFill>
            </a:endParaRPr>
          </a:p>
          <a:p>
            <a:r>
              <a:rPr lang="da-DK" sz="2400" dirty="0">
                <a:solidFill>
                  <a:schemeClr val="bg1"/>
                </a:solidFill>
              </a:rPr>
              <a:t>I gang og på vej</a:t>
            </a:r>
          </a:p>
          <a:p>
            <a:endParaRPr lang="da-DK" dirty="0">
              <a:solidFill>
                <a:schemeClr val="bg1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>
                <a:solidFill>
                  <a:schemeClr val="bg1"/>
                </a:solidFill>
              </a:rPr>
              <a:t>Energieffektiviseringsprojekter med leasingramme på 945 mio. kr. er bevilget</a:t>
            </a:r>
          </a:p>
          <a:p>
            <a:pPr marL="285750" indent="-285750">
              <a:spcAft>
                <a:spcPts val="0"/>
              </a:spcAft>
              <a:buFont typeface="Arial" panose="020B0604020202020204" pitchFamily="34" charset="0"/>
              <a:buChar char="•"/>
            </a:pPr>
            <a:r>
              <a:rPr lang="da-DK" dirty="0">
                <a:solidFill>
                  <a:schemeClr val="bg1"/>
                </a:solidFill>
              </a:rPr>
              <a:t>Energiovervågningssystemet (EMS) ibrugtag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>
              <a:solidFill>
                <a:schemeClr val="bg1"/>
              </a:solidFill>
            </a:endParaRPr>
          </a:p>
          <a:p>
            <a:endParaRPr lang="da-DK" sz="2800" dirty="0">
              <a:solidFill>
                <a:schemeClr val="bg1"/>
              </a:solidFill>
            </a:endParaRPr>
          </a:p>
          <a:p>
            <a:endParaRPr lang="da-DK" sz="2800" dirty="0">
              <a:solidFill>
                <a:schemeClr val="bg1"/>
              </a:solidFill>
            </a:endParaRPr>
          </a:p>
          <a:p>
            <a:endParaRPr lang="da-DK" sz="2800" dirty="0">
              <a:solidFill>
                <a:schemeClr val="bg1"/>
              </a:solidFill>
            </a:endParaRP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72171A92-167E-4B0B-A564-12EED5D2D5FE}"/>
              </a:ext>
            </a:extLst>
          </p:cNvPr>
          <p:cNvPicPr>
            <a:picLocks/>
          </p:cNvPicPr>
          <p:nvPr/>
        </p:nvPicPr>
        <p:blipFill>
          <a:blip r:embed="rId4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ackgroundRemoval t="10000" b="90000" l="10000" r="90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9456438" y="510653"/>
            <a:ext cx="563292" cy="602019"/>
          </a:xfrm>
          <a:prstGeom prst="rect">
            <a:avLst/>
          </a:prstGeom>
        </p:spPr>
      </p:pic>
      <p:pic>
        <p:nvPicPr>
          <p:cNvPr id="5" name="Billede 4">
            <a:extLst>
              <a:ext uri="{FF2B5EF4-FFF2-40B4-BE49-F238E27FC236}">
                <a16:creationId xmlns:a16="http://schemas.microsoft.com/office/drawing/2014/main" id="{E5BC9B87-4727-41CB-9390-DD32381696C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19336" y="811663"/>
            <a:ext cx="7220946" cy="2475119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38B86399-F1C1-4E6A-B82F-83E8B6B91F6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19336" y="3861048"/>
            <a:ext cx="7220946" cy="27498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66307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lede 8">
            <a:extLst>
              <a:ext uri="{FF2B5EF4-FFF2-40B4-BE49-F238E27FC236}">
                <a16:creationId xmlns:a16="http://schemas.microsoft.com/office/drawing/2014/main" id="{B5A72DAD-BF82-4177-B566-F3DB2AA45AE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8609659" cy="6858000"/>
          </a:xfrm>
          <a:prstGeom prst="rect">
            <a:avLst/>
          </a:prstGeom>
        </p:spPr>
      </p:pic>
      <p:sp>
        <p:nvSpPr>
          <p:cNvPr id="3" name="Rektangel 2">
            <a:extLst>
              <a:ext uri="{FF2B5EF4-FFF2-40B4-BE49-F238E27FC236}">
                <a16:creationId xmlns:a16="http://schemas.microsoft.com/office/drawing/2014/main" id="{31FA739F-5F37-4DAB-9C56-F5360B2C65DE}"/>
              </a:ext>
            </a:extLst>
          </p:cNvPr>
          <p:cNvSpPr/>
          <p:nvPr/>
        </p:nvSpPr>
        <p:spPr>
          <a:xfrm>
            <a:off x="8184232" y="0"/>
            <a:ext cx="4007768" cy="6858000"/>
          </a:xfrm>
          <a:prstGeom prst="rect">
            <a:avLst/>
          </a:prstGeom>
          <a:solidFill>
            <a:srgbClr val="193C65">
              <a:hueOff val="0"/>
              <a:satOff val="0"/>
              <a:lumOff val="0"/>
              <a:alphaOff val="0"/>
            </a:srgbClr>
          </a:solidFill>
          <a:ln w="25400" cap="flat" cmpd="sng" algn="ctr">
            <a:solidFill>
              <a:srgbClr val="FFFFFF">
                <a:hueOff val="0"/>
                <a:satOff val="0"/>
                <a:lumOff val="0"/>
                <a:alphaOff val="0"/>
              </a:srgbClr>
            </a:solidFill>
            <a:prstDash val="solid"/>
          </a:ln>
          <a:effectLst/>
        </p:spPr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4E3FE532-81F9-4BC6-9399-C9A97C246482}"/>
              </a:ext>
            </a:extLst>
          </p:cNvPr>
          <p:cNvSpPr txBox="1"/>
          <p:nvPr/>
        </p:nvSpPr>
        <p:spPr>
          <a:xfrm>
            <a:off x="8472264" y="1124744"/>
            <a:ext cx="3312368" cy="778674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3200" b="1" dirty="0">
                <a:solidFill>
                  <a:schemeClr val="bg1"/>
                </a:solidFill>
              </a:rPr>
              <a:t>Grønne indkøb</a:t>
            </a:r>
          </a:p>
          <a:p>
            <a:endParaRPr lang="da-DK" dirty="0"/>
          </a:p>
          <a:p>
            <a:r>
              <a:rPr lang="da-DK" sz="2400" dirty="0">
                <a:solidFill>
                  <a:prstClr val="white"/>
                </a:solidFill>
              </a:rPr>
              <a:t>I gang og på vej</a:t>
            </a:r>
          </a:p>
          <a:p>
            <a:pPr lvl="0"/>
            <a:endParaRPr lang="da-DK" dirty="0">
              <a:solidFill>
                <a:prstClr val="white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>
                <a:solidFill>
                  <a:schemeClr val="bg1"/>
                </a:solidFill>
              </a:rPr>
              <a:t>Kompetenceudvikling af regionens indkøbere mfl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>
                <a:solidFill>
                  <a:schemeClr val="bg1"/>
                </a:solidFill>
              </a:rPr>
              <a:t>Miljøkrav i alle udbud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da-DK" dirty="0">
                <a:solidFill>
                  <a:schemeClr val="bg1"/>
                </a:solidFill>
              </a:rPr>
              <a:t>Flere omstillingsinitiativer med fokus på nedbringelse af forbrug</a:t>
            </a:r>
          </a:p>
          <a:p>
            <a:pPr>
              <a:spcAft>
                <a:spcPts val="600"/>
              </a:spcAft>
            </a:pPr>
            <a:endParaRPr lang="da-DK" dirty="0">
              <a:solidFill>
                <a:schemeClr val="bg1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>
              <a:solidFill>
                <a:schemeClr val="bg1"/>
              </a:solidFill>
            </a:endParaRPr>
          </a:p>
          <a:p>
            <a:endParaRPr lang="da-DK" dirty="0">
              <a:solidFill>
                <a:schemeClr val="bg1"/>
              </a:solidFill>
            </a:endParaRPr>
          </a:p>
          <a:p>
            <a:pPr marL="285750" indent="-285750">
              <a:buFontTx/>
              <a:buChar char="-"/>
            </a:pPr>
            <a:endParaRPr lang="da-DK" dirty="0">
              <a:solidFill>
                <a:schemeClr val="bg1"/>
              </a:solidFill>
            </a:endParaRP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FB96094A-89C4-4D81-87DA-67A6FBAF6D8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9336" y="1124744"/>
            <a:ext cx="7944148" cy="273630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00184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8529ED7-2DE3-4E13-8E11-AA7AB6DBD2E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9497" y="1353169"/>
            <a:ext cx="9289032" cy="3155951"/>
          </a:xfrm>
        </p:spPr>
        <p:txBody>
          <a:bodyPr/>
          <a:lstStyle/>
          <a:p>
            <a:pPr latinLnBrk="0"/>
            <a:r>
              <a:rPr lang="da-DK" sz="2400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  <a:t>Administrationen indstiller til miljø- og klimaudvalget:</a:t>
            </a:r>
            <a:br>
              <a:rPr lang="da-DK" sz="2400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</a:br>
            <a:br>
              <a:rPr lang="da-DK" sz="2400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</a:br>
            <a:br>
              <a:rPr lang="da-DK" sz="2400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</a:br>
            <a:r>
              <a:rPr lang="da-DK" sz="2400" b="1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  <a:t>at </a:t>
            </a:r>
            <a:r>
              <a:rPr lang="da-DK" sz="2400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  <a:t>drøfte, hvad klimaregnskabets resultater i "Grøn omstillings-rapport 2021" giver anledning til med henblik på at pege på opmærksomheds- og fokuspunkter i handlingsplanerne for 2023.</a:t>
            </a:r>
            <a:br>
              <a:rPr lang="da-DK" sz="2400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</a:br>
            <a:br>
              <a:rPr lang="da-DK" sz="2400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</a:br>
            <a:br>
              <a:rPr lang="da-DK" sz="2400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</a:br>
            <a:r>
              <a:rPr lang="da-DK" sz="2400" b="1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  <a:t>at </a:t>
            </a:r>
            <a:r>
              <a:rPr lang="da-DK" sz="2400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  <a:t>drøfte, hvordan kommunikationen kan styrkes, herunder i hvilken udstrækning demonstrationsprojekter kan anvendes til at skabe interesse og synlighed om indsatserne, fx om reduktion af det forbrugsrelaterede klimaaftryk.</a:t>
            </a:r>
            <a:br>
              <a:rPr lang="da-DK" b="0" i="0" dirty="0">
                <a:solidFill>
                  <a:srgbClr val="555555"/>
                </a:solidFill>
                <a:effectLst/>
                <a:latin typeface="Roboto" panose="02000000000000000000" pitchFamily="2" charset="0"/>
              </a:rPr>
            </a:br>
            <a:endParaRPr lang="da-DK" dirty="0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D825ABFE-0B35-4C31-9B20-502D1CFD02E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B0931A14-8174-432C-9B51-9FBF4CA50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8B0CA4D-6376-4134-9E76-B396F0C72C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0E65C7BF-6C5B-4D31-9B8A-09FCE9FF881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696400" y="389926"/>
            <a:ext cx="2160233" cy="1781710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B8928A95-48A8-4AB0-B49B-2E71BFA4F20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120336" y="5013176"/>
            <a:ext cx="2831283" cy="16041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2717460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 H Hospital PowerPoint Skabelon_DKfinal">
  <a:themeElements>
    <a:clrScheme name="Region Hovedstaden Darkblue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193C65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1_REGION H Hospital PowerPoint Skabelon_DKfinal">
  <a:themeElements>
    <a:clrScheme name="Region Hovedstaden Mørkeblå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0086CC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3.xml><?xml version="1.0" encoding="utf-8"?>
<a:theme xmlns:a="http://schemas.openxmlformats.org/drawingml/2006/main" name="2_REGION H Hospital PowerPoint Skabelon_DKfinal">
  <a:themeElements>
    <a:clrScheme name="Region Hovedstaden Mørkeblå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0086CC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4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TemplateConfiguration><![CDATA[{"elementsMetadata":[{"type":"shape","id":"ebcd7e68-6563-49d9-9b27-bbf24139ffba","elementConfiguration":{"inheritDimensions":"inheritNone","width":"1.9 cm","height":"1.9 cm","disableUpdates":false,"type":"image"}},{"type":"shape","id":"661b6229-ba28-44c3-acf3-e348b3b7c1b1","elementConfiguration":{"binding":"UserProfile.Office.Virksomhed_{{DocumentLanguage}}","disableUpdates":false,"type":"text"}},{"type":"shape","id":"ee9a76a0-2712-43a0-8417-e9c2a656dd90","elementConfiguration":{"binding":"UserProfile.CenterFreeText","visibility":{"action":"hide","binding":"UserProfile.Centers.CenterUI","operator":"notEquals","compareValue":"Intet valgt"},"disableUpdates":false,"type":"text"}},{"type":"shape","id":"3cb756d4-cb79-4db6-9e64-603cfc7941f7","elementConfiguration":{"binding":"UserProfile.Centers.Center_{{DocumentLanguage}}","visibility":{"action":"hide","binding":"UserProfile.Centers.CenterUI","operator":"equals","compareValue":"Intet valgt"},"disableUpdates":false,"type":"text"}},{"type":"shape","id":"c0afb968-29c5-4e54-9b57-d2e32e1240c9","elementConfiguration":{"binding":"Form.PresentationTitle","disableUpdates":false,"type":"text"}},{"type":"shape","id":"59f39c00-91f5-47c9-b48a-ea8b0ebe8188","elementConfiguration":{"inheritDimensions":"inheritNone","width":"1.9 cm","height":"1.9 cm","binding":"UserProfile.Office.LogoColor_DCU","disableUpdates":false,"type":"image"}},{"type":"shape","id":"74f90d3a-f473-47b7-9d47-1d29c9af8fdf","elementConfiguration":{"inheritDimensions":"inheritNone","width":"3.68 cm","height":"1.17 cm","binding":"UserProfile.EkstraLogo.ExtraLogoPPNEGDCU_{{DocumentLanguage}}","disableUpdates":false,"type":"image"}},{"type":"shape","id":"c13949e1-3c7b-475c-85a2-4429bbeb04eb","elementConfiguration":{"inheritDimensions":"inheritNone","width":"2.42 cm","height":"2.5 cm","binding":"UserProfile.EkstraLogo.ExtraLogoFive_PP_DCU_{{DocumentLanguage}}","disableUpdates":false,"type":"image"}},{"type":"shape","id":"eb481614-5580-48f4-a07b-c29d7018cad7","elementConfiguration":{"inheritDimensions":"inheritNone","width":"2.42 cm","height":"2.5 cm","binding":"UserProfile.EkstraLogo.ExtraLogoTwo_PP_DCU_{{DocumentLanguage}}","disableUpdates":false,"type":"image"}},{"type":"shape","id":"b0afc414-ec8c-4712-9e87-e2706c7ce74e","elementConfiguration":{"binding":"UserProfile.Name","visibility":{"action":"hide","binding":"Form.Manuel_dato","operator":"notEquals","compareValue":""},"disableUpdates":false,"type":"text"}},{"type":"shape","id":"056eae53-a949-4430-b5d5-6a6c5170a249","elementConfiguration":{"binding":"Form.Manuel_dato","visibility":{"action":"hide","operator":"equals","compareValue":""},"disableUpdates":false,"type":"text"}},{"type":"shape","id":"9622e2c6-1bc5-4476-a17f-9e801b1e9279","elementConfiguration":{"inheritDimensions":"inheritNone","width":"6.05 cm","height":"1.9 cm","binding":"UserProfile.EkstraLogo.ExtraLogoSix_PP_DCU_{{DocumentLanguage}}","disableUpdates":false,"type":"image"}},{"type":"shape","id":"b856dc95-ef09-4277-b0d9-72fe3b10b6f8","elementConfiguration":{"inheritDimensions":"inheritWidth","width":"1.91 cm","binding":"UserProfile.Office.LogoH_PP_DCU","disableUpdates":false,"type":"image"}},{"type":"shape","id":"52490549-84f0-4714-8fbb-46dfadc7401f","elementConfiguration":{"binding":"UserProfile.Office.Virksomhed_{{DocumentLanguage}}","disableUpdates":false,"type":"text"}},{"type":"shape","id":"170c1d24-cdd8-452c-a9ac-83add4d7ffca","elementConfiguration":{"binding":"UserProfile.CenterFreeText","visibility":{"action":"hide","binding":"UserProfile.Centers.CenterUI","operator":"notEquals","compareValue":"Intet valgt"},"disableUpdates":false,"type":"text"}},{"type":"shape","id":"b58e94e4-031a-4158-b11a-86cadd68f505","elementConfiguration":{"binding":"UserProfile.Centers.Center_{{DocumentLanguage}}","visibility":{"action":"hide","binding":"UserProfile.Centers.CenterUI","operator":"equals","compareValue":"Intet valgt"},"disableUpdates":false,"type":"text"}},{"type":"shape","id":"d86882f6-1856-4b2f-a46b-397d395206f6","elementConfiguration":{"binding":"Form.PresentationTitle","disableUpdates":false,"type":"text"}},{"type":"shape","id":"861eb1e9-5dba-4a62-81e0-21aaebabdcf0","elementConfiguration":{"inheritDimensions":"inheritNone","width":"2.42 cm","height":"2.5 cm","binding":"UserProfile.EkstraLogo.ExtraLogoFive_PP_DCU_{{DocumentLanguage}}","disableUpdates":false,"type":"image"}},{"type":"shape","id":"4d19209e-29fb-49a4-9ffd-680a8b24c29d","elementConfiguration":{"inheritDimensions":"inheritNone","width":"2.42 cm","height":"2.5 cm","binding":"UserProfile.EkstraLogo.ExtraLogoTwo_PP_DCU_{{DocumentLanguage}}","disableUpdates":false,"type":"image"}},{"type":"shape","id":"b3c4bb93-c754-4e3d-928b-ca581545537d","elementConfiguration":{"binding":"UserProfile.Name","visibility":{"action":"hide","binding":"Form.Manuel_dato","operator":"notEquals","compareValue":""},"disableUpdates":false,"type":"text"}},{"type":"shape","id":"a0eb394f-ec3f-447a-aa14-a1b831684388","elementConfiguration":{"binding":"Form.Manuel_dato","visibility":{"action":"hide","operator":"equals","compareValue":""},"disableUpdates":false,"type":"text"}},{"type":"shape","id":"4b6a532e-c34f-46eb-bda8-58be30e87a92","elementConfiguration":{"inheritDimensions":"inheritNone","width":"1.9 cm","height":"19.05 cm","binding":"UserProfile.Office.LogoColor_DCU","disableUpdates":false,"type":"image"}},{"type":"shape","id":"0b3d6adb-e598-42d5-9215-267dccd94af0","elementConfiguration":{"inheritDimensions":"inheritNone","width":"3.68 cm","height":"1.17 cm","binding":"UserProfile.EkstraLogo.ExtraLogoPPNEGDCU_{{DocumentLanguage}}","disableUpdates":false,"type":"image"}},{"type":"shape","id":"d2e42269-2fd3-4fe0-ac3c-50ca42576dfc","elementConfiguration":{"inheritDimensions":"inheritNone","width":"6.05 cm","height":"1.9 cm","binding":"UserProfile.EkstraLogo.ExtraLogoSix_PP_DCU_{{DocumentLanguage}}","disableUpdates":false,"type":"image"}},{"type":"shape","id":"f19550c7-0a5f-4de5-b564-6e9bd971b3b6","elementConfiguration":{"inheritDimensions":"inheritWidth","width":"1.91 cm","binding":"UserProfile.Office.LogoH_PP_DCU","disableUpdates":false,"type":"image"}},{"type":"shape","id":"1418f995-f009-410c-a8b2-80e4287fd7e8","elementConfiguration":{"binding":"UserProfile.Office.Virksomhed_{{DocumentLanguage}}","disableUpdates":false,"type":"text"}},{"type":"shape","id":"78f3bb57-de5b-4d12-b094-8743360b9ef5","elementConfiguration":{"binding":"UserProfile.CenterFreeText","visibility":{"action":"hide","binding":"UserProfile.Centers.CenterUI","operator":"notEquals","compareValue":"Intet valgt"},"disableUpdates":false,"type":"text"}},{"type":"shape","id":"bb0a3f67-4cda-48a7-9406-8debd82a3492","elementConfiguration":{"binding":"UserProfile.Centers.Center_{{DocumentLanguage}}","visibility":{"action":"hide","binding":"UserProfile.Centers.CenterUI","operator":"equals","compareValue":"Intet valgt"},"disableUpdates":false,"type":"text"}},{"type":"shape","id":"8c48c4f6-5a23-453d-8d0d-40a5daac2b97","elementConfiguration":{"binding":"Form.PresentationTitle","disableUpdates":false,"type":"text"}},{"type":"shape","id":"c7438c21-c873-4efd-adfc-01521e884732","elementConfiguration":{"inheritDimensions":"inheritNone","width":"1.9 cm","height":"1.9 cm","binding":"UserProfile.Office.LogoColor_DCU","disableUpdates":false,"type":"image"}},{"type":"shape","id":"ebb4f7a2-6506-4a83-aee8-1e920fec066f","elementConfiguration":{"inheritDimensions":"inheritNone","width":"3.68 cm","height":"1.17 cm","binding":"UserProfile.EkstraLogo.ExtraLogoPPNEGDCU_{{DocumentLanguage}}","disableUpdates":false,"type":"image"}},{"type":"shape","id":"8e869782-c1ba-4ff4-9ab0-92851673dca3","elementConfiguration":{"inheritDimensions":"inheritNone","width":"2.42 cm","height":"2.5 cm","binding":"UserProfile.EkstraLogo.ExtraLogoFive_PP_DCU_{{DocumentLanguage}}","disableUpdates":false,"type":"image"}},{"type":"shape","id":"af567a7a-a99c-4bc8-88a8-b1612da85b04","elementConfiguration":{"inheritDimensions":"inheritNone","width":"2.42 cm","height":"2.5 cm","binding":"UserProfile.EkstraLogo.ExtraLogoTwo_PP_DCU_{{DocumentLanguage}}","disableUpdates":false,"type":"image"}},{"type":"shape","id":"f9fceaea-f2d1-4b4a-9aa7-441db78d6430","elementConfiguration":{"binding":"UserProfile.Name","visibility":{"action":"hide","binding":"Form.Manuel_dato","operator":"notEquals","compareValue":""},"disableUpdates":false,"type":"text"}},{"type":"shape","id":"7fa04c06-5e5c-4905-94fe-930491ee04f9","elementConfiguration":{"binding":"Form.Manuel_dato","visibility":{"action":"hide","operator":"equals","compareValue":""},"disableUpdates":false,"type":"text"}},{"type":"shape","id":"46f0823c-85d7-4950-a513-ba0016c82307","elementConfiguration":{"inheritDimensions":"inheritNone","width":"6.05 cm","height":"1.9 cm","binding":"UserProfile.EkstraLogo.ExtraLogoSix_PP_DCU_{{DocumentLanguage}}","disableUpdates":false,"type":"image"}},{"type":"shape","id":"73ece508-d758-4411-9539-cb8bfa912900","elementConfiguration":{"inheritDimensions":"inheritWidth","width":"1.91 cm","binding":"UserProfile.Office.LogoH_PP_DCU","disableUpdates":false,"type":"image"}},{"type":"shape","id":"b5cd8995-965a-4001-9db0-9344462ff037","elementConfiguration":{"binding":"UserProfile.Office.Virksomhed_{{DocumentLanguage}}","disableUpdates":false,"type":"text"}},{"type":"shape","id":"7f35ec2e-7136-4919-92fa-baf812993208","elementConfiguration":{"binding":"UserProfile.CenterFreeText","visibility":{"action":"hide","binding":"UserProfile.Centers.CenterUI","operator":"notEquals","compareValue":"Intet valgt"},"disableUpdates":false,"type":"text"}},{"type":"shape","id":"56d275c2-08a4-4dc7-8fe8-8a9094510ad7","elementConfiguration":{"binding":"UserProfile.Centers.Center_{{DocumentLanguage}}","visibility":{"action":"hide","binding":"UserProfile.Centers.CenterUI","operator":"equals","compareValue":"Intet valgt"},"disableUpdates":false,"type":"text"}},{"type":"shape","id":"60a1c19e-30c8-4fff-9f41-bb52337ce4f1","elementConfiguration":{"binding":"Form.PresentationTitle","disableUpdates":false,"type":"text"}},{"type":"shape","id":"72483edc-1add-4a32-8445-04734e017ba1","elementConfiguration":{"inheritDimensions":"inheritNone","width":"1.9 cm","height":"1.9 cm","binding":"UserProfile.Office.LogoColor_DCU","disableUpdates":false,"type":"image"}},{"type":"shape","id":"601242c1-6382-4c71-83a0-8bc87e87c547","elementConfiguration":{"inheritDimensions":"inheritNone","width":"3.68 cm","height":"1.17 cm","binding":"UserProfile.EkstraLogo.ExtraLogoPPNEGDCU_{{DocumentLanguage}}","disableUpdates":false,"type":"image"}},{"type":"shape","id":"d8e68caf-4ea7-4737-8108-efcc496cc004","elementConfiguration":{"inheritDimensions":"inheritNone","width":"2.42 cm","height":"2.5 cm","binding":"UserProfile.EkstraLogo.ExtraLogoFive_PP_DCU_{{DocumentLanguage}}","disableUpdates":false,"type":"image"}},{"type":"shape","id":"fd7cfa3d-2943-4e01-88f8-0c59fb30c6be","elementConfiguration":{"inheritDimensions":"inheritNone","width":"2.42 cm","height":"2.5 cm","binding":"UserProfile.EkstraLogo.ExtraLogoTwo_PP_DCU_{{DocumentLanguage}}","disableUpdates":false,"type":"image"}},{"type":"shape","id":"fd54bbc8-6c3b-4d89-acc1-f5aad8c346a4","elementConfiguration":{"binding":"UserProfile.Name","visibility":{"action":"hide","binding":"Form.Manuel_dato","operator":"notEquals","compareValue":""},"disableUpdates":false,"type":"text"}},{"type":"shape","id":"7bd60be4-1d1d-4a64-ba9c-3ac4be2404cb","elementConfiguration":{"binding":"Form.Manuel_dato","visibility":{"action":"hide","operator":"equals","compareValue":""},"disableUpdates":false,"type":"text"}},{"type":"shape","id":"a8a3eaa1-b6e7-4123-9761-de2418a7f95e","elementConfiguration":{"inheritDimensions":"inheritNone","width":"6.05 cm","height":"1.9 cm","binding":"UserProfile.EkstraLogo.ExtraLogoSix_PP_DCU_{{DocumentLanguage}}","disableUpdates":false,"type":"image"}},{"type":"shape","id":"57f77f33-f8a1-4904-bbc0-5ff1eb921d5b","elementConfiguration":{"inheritDimensions":"inheritWidth","width":"1.91 cm","binding":"UserProfile.Office.LogoH_PP_DCU","disableUpdates":false,"type":"image"}},{"type":"shape","id":"41b5c15b-1945-4aae-a18a-859a19b37865","elementConfiguration":{"inheritDimensions":"inheritNone","width":"3.68 cm","height":"1.17 cm","binding":"UserProfile.EkstraLogo.ExtraLogoPPDCU_{{DocumentLanguage}}","disableUpdates":false,"type":"image"}},{"type":"shape","id":"951c43dc-28f8-4ffe-9478-a81f8e22faf0","elementConfiguration":{"binding":"UserProfile.Office.Virksomhed_{{DocumentLanguage}}","disableUpdates":false,"type":"text"}},{"type":"shape","id":"3de2a0f5-a729-4c48-9ada-5bdb1bf1b90b","elementConfiguration":{"binding":"UserProfile.CenterFreeText","visibility":{"action":"hide","binding":"UserProfile.Centers.CenterUI","operator":"notEquals","compareValue":"Intet valgt"},"disableUpdates":false,"type":"text"}},{"type":"shape","id":"86dd28db-950f-4268-9d92-45cc492cdcc6","elementConfiguration":{"binding":"UserProfile.Centers.Center_{{DocumentLanguage}}","visibility":{"action":"hide","binding":"UserProfile.Centers.CenterUI","operator":"equals","compareValue":"Intet valgt"},"disableUpdates":false,"type":"text"}},{"type":"shape","id":"c70cc7e7-8db5-476d-a37a-db327de4693c","elementConfiguration":{"binding":"Form.PresentationTitle","disableUpdates":false,"type":"text"}},{"type":"shape","id":"2f5f6b87-93d7-4f6e-988b-cbad5775596a","elementConfiguration":{"inheritDimensions":"inheritNone","width":"2.42 cm","height":"2.5 cm","binding":"UserProfile.EkstraLogo.ExtraLogoFive_PP_DCU_{{DocumentLanguage}}","disableUpdates":false,"type":"image"}},{"type":"shape","id":"9154b671-068a-4176-944f-64f9875b50e4","elementConfiguration":{"inheritDimensions":"inheritNone","width":"2.42 cm","height":"2.5 cm","binding":"UserProfile.EkstraLogo.ExtraLogoTwo_PP_DCU_{{DocumentLanguage}}","disableUpdates":false,"type":"image"}},{"type":"shape","id":"7cfbb364-e6bd-4256-bf62-804f0aabead7","elementConfiguration":{"binding":"UserProfile.Name","visibility":{"action":"hide","binding":"Form.Manuel_dato","operator":"notEquals","compareValue":""},"disableUpdates":false,"type":"text"}},{"type":"shape","id":"c35e4703-42c1-40d6-9d97-dd77ca8194aa","elementConfiguration":{"binding":"Form.Manuel_dato","visibility":{"action":"hide","operator":"equals","compareValue":""},"disableUpdates":false,"type":"text"}},{"type":"shape","id":"cdbeb517-a8f8-4fc2-a3ce-8f1d9d860df8","elementConfiguration":{"inheritDimensions":"inheritNone","width":"1.9 cm","height":"19.05 cm","binding":"UserProfile.Office.LogoColor_DCU","disableUpdates":false,"type":"image"}},{"type":"shape","id":"62f070d6-98c0-43f1-93a8-8608e29b9182","elementConfiguration":{"inheritDimensions":"inheritNone","width":"6.05 cm","height":"1.9 cm","binding":"UserProfile.EkstraLogo.ExtraLogoSix_PP_DCU_{{DocumentLanguage}}","disableUpdates":false,"type":"image"}},{"type":"shape","id":"eed808c7-6589-4756-95be-cdb98c1d2c90","elementConfiguration":{"inheritDimensions":"inheritWidth","width":"1.91 cm","binding":"UserProfile.Office.LogoH_PP_DCU","disableUpdates":false,"type":"image"}},{"type":"shape","id":"65464e1f-97d4-4f4c-93ce-2100989ffcdd","elementConfiguration":{"inheritDimensions":"inheritNone","width":"33.89 cm","height":"19.07 cm","binding":"UserProfile.Centers.VaelgKorrektSkabelon169DCU","disableUpdates":false,"type":"image"}},{"type":"shape","id":"efc26744-009c-4932-ad22-e209ad591af8","elementConfiguration":{"inheritDimensions":"inheritNone","width":"33.89 cm","height":"19.07 cm","binding":"UserProfile.Centers.VaelgKorrektSkabelon169DCU","disableUpdates":false,"type":"image"}},{"type":"shape","id":"94f81730-01f5-4f69-93be-8c8e13eba7ca","elementConfiguration":{"binding":"Form.PresentationTitle","disableUpdates":false,"type":"text"}},{"type":"shape","id":"a6961d68-a702-4e3a-8f96-e69e77ffe534","elementConfiguration":{"binding":"UserProfile.Name","visibility":{"action":"hide","binding":"Form.Manuel_dato","operator":"notEquals","compareValue":""},"disableUpdates":false,"type":"text"}},{"type":"shape","id":"5979f429-6a15-443a-ab45-0e5d708155a2","elementConfiguration":{"inheritDimensions":"inheritNone","width":"3.68 cm","height":"1.17 cm","binding":"UserProfile.EkstraLogo.ExtraLogoPPNEGDCU_{{DocumentLanguage}}","disableUpdates":false,"type":"image"}},{"type":"shape","id":"b596e422-16eb-4dd4-b99b-62f9daedb6a7","elementConfiguration":{"inheritDimensions":"inheritNone","width":"2.42 cm","height":"2.5 cm","binding":"UserProfile.EkstraLogo.ExtraLogoFive_PP_DCU_{{DocumentLanguage}}","disableUpdates":false,"type":"image"}},{"type":"shape","id":"828d6b56-318d-4889-a306-0ac90d1b8134","elementConfiguration":{"inheritDimensions":"inheritNone","width":"2.42 cm","height":"2.5 cm","binding":"UserProfile.EkstraLogo.ExtraLogoTwo_PP_DCU_{{DocumentLanguage}}","disableUpdates":false,"type":"image"}},{"type":"shape","id":"1be1edd0-82eb-43c4-8bef-59f4fd7a6b06","elementConfiguration":{"binding":"UserProfile.Office.Virksomhed_{{DocumentLanguage}}","disableUpdates":false,"type":"text"}},{"type":"shape","id":"e23c1989-6cc7-49c9-9235-a450afa63a83","elementConfiguration":{"binding":"UserProfile.CenterFreeText","visibility":{"action":"hide","binding":"UserProfile.Centers.CenterUI","operator":"notEquals","compareValue":"Intet valgt"},"disableUpdates":false,"type":"text"}},{"type":"shape","id":"2bed8a1d-9307-40b4-b58a-9bcdf0a35aec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7788beb3-20a1-4d4a-80f6-8ef05399f660","elementConfiguration":{"binding":"Form.Manuel_dato","visibility":{"action":"hide","operator":"equals","compareValue":""},"disableUpdates":false,"type":"text"}},{"type":"shape","id":"3fb8d62e-83ee-4c1b-934d-56f1f6cbce08","elementConfiguration":{"inheritDimensions":"inheritNone","width":"1.9 cm","height":"19.05 cm","binding":"UserProfile.Office.LogoColor_DCU","disableUpdates":false,"type":"image"}},{"type":"shape","id":"5d8bd633-6ad5-4d46-bef9-12dab2d2eb29","elementConfiguration":{"inheritDimensions":"inheritNone","width":"6.05 cm","height":"1.9 cm","binding":"UserProfile.EkstraLogo.ExtraLogoSix_PP_DCU_{{DocumentLanguage}}","disableUpdates":false,"type":"image"}},{"type":"shape","id":"15f0c496-50af-41b0-95a5-1b746c80e0c6","elementConfiguration":{"inheritDimensions":"inheritWidth","width":"1.91 cm","binding":"UserProfile.Office.LogoH_PP_DCU","disableUpdates":false,"type":"image"}},{"type":"shape","id":"0449bc51-137e-49ed-b061-bad2d9d68a28","elementConfiguration":{"inheritDimensions":"inheritNone","width":"33.89 cm","height":"19.07 cm","binding":"UserProfile.Centers.VaelgKorrektSkabelon169DCU","disableUpdates":false,"type":"image"}},{"type":"shape","id":"758d721a-a1ab-4909-b385-5d747c7e60d1","elementConfiguration":{"inheritDimensions":"inheritNone","width":"33.89 cm","height":"19.07 cm","binding":"UserProfile.Centers.VaelgKorrektSkabelon169DCU","disableUpdates":false,"type":"image"}},{"type":"shape","id":"05f2393b-5092-4ef3-bb02-39b1a3558de6","elementConfiguration":{"binding":"Form.PresentationTitle","disableUpdates":false,"type":"text"}},{"type":"shape","id":"dc59d330-9bcf-4d16-ab0c-9fadcf5e28de","elementConfiguration":{"binding":"UserProfile.Name","visibility":{"action":"hide","binding":"Form.Manuel_dato","operator":"notEquals","compareValue":""},"disableUpdates":false,"type":"text"}},{"type":"shape","id":"fa707a7a-0654-4945-b38d-8aea765ad641","elementConfiguration":{"inheritDimensions":"inheritNone","width":"3.68 cm","height":"1.17 cm","binding":"UserProfile.EkstraLogo.ExtraLogoPPNEGDCU_{{DocumentLanguage}}","disableUpdates":false,"type":"image"}},{"type":"shape","id":"8a8db448-36c4-43a5-ad4e-0ee0690a0a15","elementConfiguration":{"inheritDimensions":"inheritNone","width":"2.42 cm","height":"2.5 cm","binding":"UserProfile.EkstraLogo.ExtraLogoFive_PP_DCU_{{DocumentLanguage}}","disableUpdates":false,"type":"image"}},{"type":"shape","id":"c7fddbb5-0df1-4686-ab92-2e12d7b108d4","elementConfiguration":{"inheritDimensions":"inheritNone","width":"2.42 cm","height":"2.5 cm","binding":"UserProfile.EkstraLogo.ExtraLogoTwo_PP_DCU_{{DocumentLanguage}}","disableUpdates":false,"type":"image"}},{"type":"shape","id":"40ca1f87-9a74-4527-920c-d614066d5a4c","elementConfiguration":{"binding":"UserProfile.Office.Virksomhed_{{DocumentLanguage}}","disableUpdates":false,"type":"text"}},{"type":"shape","id":"708a250d-5f91-442f-83f0-dd91db9c9061","elementConfiguration":{"binding":"UserProfile.CenterFreeText","visibility":{"action":"hide","binding":"UserProfile.Centers.CenterUI","operator":"notEquals","compareValue":"Intet valgt"},"disableUpdates":false,"type":"text"}},{"type":"shape","id":"5a57ff54-7a25-42e7-8034-8a1f4d817f54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347b7190-a942-4ad6-a283-31ace71022f1","elementConfiguration":{"binding":"Form.Manuel_dato","visibility":{"action":"hide","operator":"equals","compareValue":""},"disableUpdates":false,"type":"text"}},{"type":"shape","id":"aefbf592-e086-4b89-8e7e-be4f10ca209e","elementConfiguration":{"inheritDimensions":"inheritNone","width":"1.9 cm","height":"19.05 cm","binding":"UserProfile.Office.LogoColor_DCU","disableUpdates":false,"type":"image"}},{"type":"shape","id":"0a8bb665-f6a7-4e72-a617-3bfd78e70026","elementConfiguration":{"inheritDimensions":"inheritNone","width":"6.05 cm","height":"1.9 cm","binding":"UserProfile.EkstraLogo.ExtraLogoSix_PP_DCU_{{DocumentLanguage}}","disableUpdates":false,"type":"image"}},{"type":"shape","id":"57078d69-1f15-4e74-b74f-7546c6f21ccb","elementConfiguration":{"inheritDimensions":"inheritWidth","width":"1.91 cm","binding":"UserProfile.Office.LogoH_PP_DCU","disableUpdates":false,"type":"image"}},{"type":"shape","id":"66eeca40-27ad-4800-ab1f-d0441988b7cd","elementConfiguration":{"binding":"UserProfile.Office.Virksomhed_{{DocumentLanguage}}","disableUpdates":false,"type":"text"}},{"type":"shape","id":"7e8ecc0c-7a51-43b7-89c9-65337b83bb6b","elementConfiguration":{"binding":"UserProfile.CenterFreeText","visibility":{"action":"hide","binding":"UserProfile.Centers.CenterUI","operator":"notEquals","compareValue":"Intet valgt","compareValues":[""]},"disableUpdates":false,"type":"text"}},{"type":"shape","id":"a2174e87-bf62-4bbb-9503-cc6531e28b8b","elementConfiguration":{"binding":"UserProfile.Centers.Center_{{DocumentLanguage}}","visibility":{"action":"hide","binding":"UserProfile.Centers.CenterUI","operator":"equals","compareValue":"Intet valgt"},"disableUpdates":false,"type":"text"}},{"type":"shape","id":"4230d9e0-9ab2-460a-b83e-09b5a67e87b2","elementConfiguration":{"binding":"Form.PresentationTitle","disableUpdates":false,"type":"text"}},{"type":"shape","id":"1173098b-5235-46fd-acae-d7beac52597b","elementConfiguration":{"inheritDimensions":"inheritNone","width":"1.9 cm","height":"1.9 cm","binding":"UserProfile.Office.LogoColor_DCU","disableUpdates":false,"type":"image"}},{"type":"shape","id":"5c93d571-e9e6-4c47-855b-cb0308694308","elementConfiguration":{"inheritDimensions":"inheritNone","width":"3.68 cm","height":"1.17 cm","binding":"UserProfile.EkstraLogo.ExtraLogoPPNEGDCU_{{DocumentLanguage}}","disableUpdates":false,"type":"image"}},{"type":"shape","id":"c912c35a-85f1-4744-87bc-4ee5d1910987","elementConfiguration":{"inheritDimensions":"inheritNone","width":"2.42 cm","height":"2.5 cm","binding":"UserProfile.EkstraLogo.ExtraLogoFive_PP_DCU_{{DocumentLanguage}}","disableUpdates":false,"type":"image"}},{"type":"shape","id":"2d8e24a6-3c15-4ec0-957a-c13f30ed091d","elementConfiguration":{"inheritDimensions":"inheritNone","width":"2.42 cm","height":"2.5 cm","binding":"UserProfile.EkstraLogo.ExtraLogoTwo_PP_DCU_{{DocumentLanguage}}","disableUpdates":false,"type":"image"}},{"type":"shape","id":"13d16ae5-ee17-45ea-af43-1e7b6103b97b","elementConfiguration":{"binding":"UserProfile.Name","visibility":{"action":"hide","binding":"Form.Manuel_dato","operator":"notEquals","compareValue":""},"disableUpdates":false,"type":"text"}},{"type":"shape","id":"fe3f1a4e-dc7b-4c52-be7f-7789400b00d1","elementConfiguration":{"binding":"Form.Manuel_dato","visibility":{"action":"hide","operator":"equals","compareValue":""},"disableUpdates":false,"type":"text"}},{"type":"shape","id":"2036169b-f3b0-429f-9be6-a5e680ba8b4e","elementConfiguration":{"inheritDimensions":"inheritNone","width":"6.05 cm","height":"1.9 cm","binding":"UserProfile.EkstraLogo.ExtraLogoSix_PP_DCU_{{DocumentLanguage}}","disableUpdates":false,"type":"image"}},{"type":"shape","id":"75cdd02a-581c-4de6-b62b-aa8a6d7b9874","elementConfiguration":{"inheritDimensions":"inheritWidth","width":"1.91 cm","binding":"UserProfile.Office.LogoH_PP_DCU","disableUpdates":false,"type":"image"}},{"type":"shape","id":"1d71b9d3-9097-4f12-bd55-e4f50499397c","elementConfiguration":{"binding":"UserProfile.Office.Virksomhed_{{DocumentLanguage}}","disableUpdates":false,"type":"text"}},{"type":"shape","id":"fa5a3c20-f10f-484e-84e5-7880213edcbf","elementConfiguration":{"binding":"UserProfile.CenterFreeText","visibility":{"action":"hide","binding":"UserProfile.Centers.CenterUI","operator":"notEquals","compareValue":"Intet valgt"},"disableUpdates":false,"type":"text"}},{"type":"shape","id":"d2e40491-ba13-4fd8-8865-82b6642a9620","elementConfiguration":{"binding":"UserProfile.Centers.Center_{{DocumentLanguage}}","visibility":{"action":"hide","binding":"UserProfile.Centers.CenterUI","operator":"equals","compareValue":"Intet valgt"},"disableUpdates":false,"type":"text"}},{"type":"shape","id":"7f6a2b70-d8b8-4507-82b8-c1c2614f2977","elementConfiguration":{"binding":"Form.PresentationTitle","disableUpdates":false,"type":"text"}},{"type":"shape","id":"1e77f211-7cfd-42b1-bfe5-b305999f0064","elementConfiguration":{"inheritDimensions":"inheritNone","width":"1.9 cm","height":"1.9 cm","binding":"UserProfile.Office.LogoColor_DCU","disableUpdates":false,"type":"image"}},{"type":"shape","id":"8c7567e1-a876-4ccf-9d2a-192d6ba1338e","elementConfiguration":{"inheritDimensions":"inheritNone","width":"3.68 cm","height":"1.17 cm","binding":"UserProfile.EkstraLogo.ExtraLogoPPNEGDCU_{{DocumentLanguage}}","disableUpdates":false,"type":"image"}},{"type":"shape","id":"be5a40ae-bef7-49c9-8e79-02392f5ed0a4","elementConfiguration":{"inheritDimensions":"inheritNone","width":"2.42 cm","height":"2.5 cm","binding":"UserProfile.EkstraLogo.ExtraLogoFive_PP_DCU_{{DocumentLanguage}}","disableUpdates":false,"type":"image"}},{"type":"shape","id":"bc77c97a-4e11-4b9e-8c56-4bf8cdc8885f","elementConfiguration":{"inheritDimensions":"inheritNone","width":"2.42 cm","height":"2.5 cm","binding":"UserProfile.EkstraLogo.ExtraLogoTwo_PP_DCU_{{DocumentLanguage}}","disableUpdates":false,"type":"image"}},{"type":"shape","id":"c8ca24b6-2ab5-4280-8b45-d29bc1050b74","elementConfiguration":{"binding":"UserProfile.Name","visibility":{"action":"hide","binding":"Form.Manuel_dato","operator":"notEquals","compareValue":""},"disableUpdates":false,"type":"text"}},{"type":"shape","id":"79debd34-4aa8-43a6-872b-fa119d47b008","elementConfiguration":{"binding":"Form.Manuel_dato","visibility":{"action":"hide","operator":"equals","compareValue":""},"disableUpdates":false,"type":"text"}},{"type":"shape","id":"ce652436-593d-4d1e-a0ad-112edf8b1934","elementConfiguration":{"inheritDimensions":"inheritNone","width":"6.05 cm","height":"1.9 cm","binding":"UserProfile.EkstraLogo.ExtraLogoSix_PP_DCU_{{DocumentLanguage}}","disableUpdates":false,"type":"image"}},{"type":"shape","id":"7c64f0f9-8c4c-4b8a-8cec-9d05964ed18e","elementConfiguration":{"inheritDimensions":"inheritWidth","width":"1.91 cm","binding":"UserProfile.Office.LogoH_PP_DCU","disableUpdates":false,"type":"image"}},{"type":"shape","id":"f4d05148-1933-45f3-b3ee-f7935f20add8","elementConfiguration":{"binding":"UserProfile.Office.Virksomhed_{{DocumentLanguage}}","disableUpdates":false,"type":"text"}},{"type":"shape","id":"f1e7dc8c-10d8-4bac-baeb-6b678fce57ce","elementConfiguration":{"binding":"UserProfile.CenterFreeText","visibility":{"action":"hide","binding":"UserProfile.Centers.CenterUI","operator":"notEquals","compareValue":"Intet valgt"},"disableUpdates":false,"type":"text"}},{"type":"shape","id":"9ca2d6c0-7655-48f8-8f79-0d194c621984","elementConfiguration":{"binding":"UserProfile.Centers.Center_{{DocumentLanguage}}","visibility":{"action":"hide","binding":"UserProfile.Centers.CenterUI","operator":"equals","compareValue":"Intet valgt"},"disableUpdates":false,"type":"text"}},{"type":"shape","id":"47d80d05-c46c-4047-8c0e-6f620691ce1e","elementConfiguration":{"binding":"Form.PresentationTitle","disableUpdates":false,"type":"text"}},{"type":"shape","id":"ca15203e-8a73-4b74-8117-418aa92d346e","elementConfiguration":{"inheritDimensions":"inheritNone","width":"1.9 cm","height":"1.9 cm","binding":"UserProfile.Office.LogoColor_DCU","disableUpdates":false,"type":"image"}},{"type":"shape","id":"369e99a9-8fd8-40ca-9b50-a7974a729a5f","elementConfiguration":{"inheritDimensions":"inheritNone","width":"3.68 cm","height":"1.17 cm","binding":"UserProfile.EkstraLogo.ExtraLogoPPNEGDCU_{{DocumentLanguage}}","disableUpdates":false,"type":"image"}},{"type":"shape","id":"deb1c0d4-4f10-48ad-846d-f2e493ff5e57","elementConfiguration":{"inheritDimensions":"inheritNone","width":"2.42 cm","height":"2.5 cm","binding":"UserProfile.EkstraLogo.ExtraLogoFive_PP_DCU_{{DocumentLanguage}}","disableUpdates":false,"type":"image"}},{"type":"shape","id":"5d4adef5-20a5-449f-bb60-02c85449a324","elementConfiguration":{"inheritDimensions":"inheritNone","width":"2.42 cm","height":"2.5 cm","binding":"UserProfile.EkstraLogo.ExtraLogoTwo_PP_DCU_{{DocumentLanguage}}","disableUpdates":false,"type":"image"}},{"type":"shape","id":"931dfcec-ab86-4773-8e86-26970de42142","elementConfiguration":{"binding":"UserProfile.Name","visibility":{"action":"hide","binding":"Form.Manuel_dato","operator":"notEquals","compareValue":""},"disableUpdates":false,"type":"text"}},{"type":"shape","id":"687101ae-c032-4fb7-84db-e20d151f4760","elementConfiguration":{"binding":"Form.Manuel_dato","visibility":{"action":"hide","operator":"equals","compareValue":""},"disableUpdates":false,"type":"text"}},{"type":"shape","id":"31149709-23eb-47a7-9b26-5b07ba3cdbf8","elementConfiguration":{"inheritDimensions":"inheritNone","width":"6.05 cm","height":"1.9 cm","binding":"UserProfile.EkstraLogo.ExtraLogoSix_PP_DCU_{{DocumentLanguage}}","disableUpdates":false,"type":"image"}},{"type":"shape","id":"50c9f023-d1d9-4a8d-a16b-57ed347cf7b1","elementConfiguration":{"inheritDimensions":"inheritWidth","width":"1.91 cm","binding":"UserProfile.Office.LogoH_PP_DCU","disableUpdates":false,"type":"image"}},{"type":"shape","id":"56e333ab-7989-489c-bba3-9c6f95728d57","elementConfiguration":{"inheritDimensions":"inheritNone","width":"1.9 cm","height":"19.05 cm","binding":"UserProfile.Office.LogoColor_DCU","disableUpdates":false,"type":"image"}},{"type":"shape","id":"541987e4-314b-4276-96e9-4700b5fcae0f","elementConfiguration":{"inheritDimensions":"inheritNone","width":"3.68 cm","height":"1.17 cm","binding":"UserProfile.EkstraLogo.ExtraLogoPPNEGDCU_{{DocumentLanguage}}","disableUpdates":false,"type":"image"}},{"type":"shape","id":"d1209519-664e-4e3e-868c-12cd7e9642ad","elementConfiguration":{"binding":"UserProfile.Office.Virksomhed_{{DocumentLanguage}}","disableUpdates":false,"type":"text"}},{"type":"shape","id":"a418e16c-e442-4a59-8fc5-2714673d0083","elementConfiguration":{"binding":"UserProfile.CenterFreeText","visibility":{"action":"hide","binding":"UserProfile.Centers.CenterUI","operator":"notEquals","compareValue":"Intet valgt","compareValues":[""]},"disableUpdates":false,"type":"text"}},{"type":"shape","id":"a8f03d2d-75d0-43f9-a3df-8228e1100a24","elementConfiguration":{"binding":"UserProfile.Centers.Center_{{DocumentLanguage}}","visibility":{"action":"hide","binding":"UserProfile.Centers.CenterUI","operator":"equals","compareValue":"Intet valgt"},"disableUpdates":false,"type":"text"}},{"type":"shape","id":"37de9d04-9779-469e-aa19-b39e5590e200","elementConfiguration":{"binding":"Form.PresentationTitle","disableUpdates":false,"type":"text"}},{"type":"shape","id":"c260dc19-14db-44f6-904a-717d34869463","elementConfiguration":{"inheritDimensions":"inheritNone","width":"2.42 cm","height":"2.5 cm","binding":"UserProfile.EkstraLogo.ExtraLogoFive_PP_DCU_{{DocumentLanguage}}","disableUpdates":false,"type":"image"}},{"type":"shape","id":"912aa6af-f2a5-42cd-a6dc-fdec23de6321","elementConfiguration":{"inheritDimensions":"inheritNone","width":"2.42 cm","height":"2.5 cm","binding":"UserProfile.EkstraLogo.ExtraLogoTwo_PP_DCU_{{DocumentLanguage}}","disableUpdates":false,"type":"image"}},{"type":"shape","id":"68072f16-f293-450e-8169-a4ca4dc559ce","elementConfiguration":{"binding":"UserProfile.Name","visibility":{"action":"hide","binding":"Form.Manuel_dato","operator":"notEquals","compareValue":""},"disableUpdates":false,"type":"text"}},{"type":"shape","id":"b78bf77c-cf98-4730-8906-d0c6ce30428d","elementConfiguration":{"binding":"Form.Manuel_dato","visibility":{"action":"hide","operator":"equals","compareValue":""},"disableUpdates":false,"type":"text"}},{"type":"shape","id":"1886db41-dffb-4042-acd4-8b08f04f68cd","elementConfiguration":{"inheritDimensions":"inheritNone","width":"6.05 cm","height":"1.9 cm","binding":"UserProfile.EkstraLogo.ExtraLogoSixNEG_PP_DCU_{{DocumentLanguage}}","disableUpdates":false,"type":"image"}},{"type":"shape","id":"e9641328-bda3-48c5-b36f-bf26913cc472","elementConfiguration":{"inheritDimensions":"inheritWidth","width":"1.91 cm","binding":"UserProfile.Office.LogoH_PP_DCU","disableUpdates":false,"type":"image"}},{"type":"shape","id":"47548884-0b97-4d7f-961f-a8b86ca0b3e4","elementConfiguration":{"binding":"UserProfile.Office.Virksomhed_{{DocumentLanguage}}","disableUpdates":false,"type":"text"}},{"type":"shape","id":"3d8dbddb-8e2b-4779-8c29-6506a23216ff","elementConfiguration":{"binding":"UserProfile.CenterFreeText","visibility":{"action":"hide","binding":"UserProfile.Centers.CenterUI","operator":"notEquals","compareValue":"Intet valgt"},"disableUpdates":false,"type":"text"}},{"type":"shape","id":"4fabdb03-8425-4c90-855b-74fd42883c6f","elementConfiguration":{"binding":"UserProfile.Centers.Center_{{DocumentLanguage}}","visibility":{"action":"hide","binding":"UserProfile.Centers.CenterUI","operator":"equals","compareValue":"Intet valgt"},"disableUpdates":false,"type":"text"}},{"type":"shape","id":"e5bed973-c11d-4277-9cd7-d1e5b5edcf21","elementConfiguration":{"binding":"Form.PresentationTitle","disableUpdates":false,"type":"text"}},{"type":"shape","id":"054dfebd-4e56-4648-ab4d-56880e87875b","elementConfiguration":{"inheritDimensions":"inheritNone","width":"1.9 cm","height":"1.9 cm","binding":"UserProfile.Office.LogoColor_DCU","disableUpdates":false,"type":"image"}},{"type":"shape","id":"951b492f-a711-49cb-9121-054eb616ff99","elementConfiguration":{"inheritDimensions":"inheritNone","width":"3.68 cm","height":"1.17 cm","binding":"UserProfile.EkstraLogo.ExtraLogoPPNEGDCU_{{DocumentLanguage}}","disableUpdates":false,"type":"image"}},{"type":"shape","id":"fe7d6c90-2d21-4958-9ddf-c89901af55b1","elementConfiguration":{"inheritDimensions":"inheritNone","width":"2.42 cm","height":"2.5 cm","binding":"UserProfile.EkstraLogo.ExtraLogoFive_PP_DCU_{{DocumentLanguage}}","disableUpdates":false,"type":"image"}},{"type":"shape","id":"504cf105-5d6e-4462-8099-ab878fd01070","elementConfiguration":{"inheritDimensions":"inheritNone","width":"2.42 cm","height":"2.5 cm","binding":"UserProfile.EkstraLogo.ExtraLogoTwo_PP_DCU_{{DocumentLanguage}}","disableUpdates":false,"type":"image"}},{"type":"shape","id":"5c790c29-a22a-405b-b1a4-26862f66b231","elementConfiguration":{"binding":"UserProfile.Name","visibility":{"action":"hide","binding":"Form.Manuel_dato","operator":"notEquals","compareValue":""},"disableUpdates":false,"type":"text"}},{"type":"shape","id":"c3003fd2-d80e-47b2-be8b-beb4632228d8","elementConfiguration":{"binding":"Form.Manuel_dato","visibility":{"action":"hide","operator":"equals","compareValue":""},"disableUpdates":false,"type":"text"}},{"type":"shape","id":"0c285e67-5026-4778-9071-56d514251803","elementConfiguration":{"inheritDimensions":"inheritNone","width":"6.05 cm","height":"1.9 cm","binding":"UserProfile.EkstraLogo.ExtraLogoSix_PP_DCU_{{DocumentLanguage}}","disableUpdates":false,"type":"image"}},{"type":"shape","id":"af4f601f-9028-4378-b8ad-2e5d770116cd","elementConfiguration":{"inheritDimensions":"inheritWidth","width":"1.91 cm","binding":"UserProfile.Office.LogoH_PP_DCU","disableUpdates":false,"type":"image"}},{"type":"shape","id":"c9a08572-8d42-425d-8c15-97c5438363e7","elementConfiguration":{"inheritDimensions":"inheritNone","width":"3.68 cm","height":"1.17 cm","binding":"UserProfile.EkstraLogo.ExtraLogoPPDCU_{{DocumentLanguage}}","disableUpdates":false,"type":"image"}},{"type":"shape","id":"6aa4d422-e1fa-47c6-87ff-2b252980575a","elementConfiguration":{"binding":"UserProfile.Office.Virksomhed_{{DocumentLanguage}}","disableUpdates":false,"type":"text"}},{"type":"shape","id":"1801000e-683e-4fe8-965b-975820e599e3","elementConfiguration":{"binding":"UserProfile.CenterFreeText","visibility":{"action":"hide","binding":"UserProfile.Centers.CenterUI","operator":"notEquals","compareValue":"Intet valgt"},"disableUpdates":false,"type":"text"}},{"type":"shape","id":"74265034-dd2f-4482-8051-49e412f6c492","elementConfiguration":{"binding":"UserProfile.Centers.Center_{{DocumentLanguage}}","visibility":{"action":"hide","binding":"UserProfile.Centers.CenterUI","operator":"equals","compareValue":"Intet valgt"},"disableUpdates":false,"type":"text"}},{"type":"shape","id":"b3718e32-ddbb-4b64-a576-f8ec14cef1bb","elementConfiguration":{"binding":"Form.PresentationTitle","disableUpdates":false,"type":"text"}},{"type":"shape","id":"28116291-55d1-451f-9602-b3bf74869167","elementConfiguration":{"inheritDimensions":"inheritNone","width":"2.42 cm","height":"2.5 cm","binding":"UserProfile.EkstraLogo.ExtraLogoFive_PP_DCU_{{DocumentLanguage}}","disableUpdates":false,"type":"image"}},{"type":"shape","id":"29e814e6-c011-4db0-9526-8cdea043a181","elementConfiguration":{"inheritDimensions":"inheritNone","width":"2.42 cm","height":"2.5 cm","binding":"UserProfile.EkstraLogo.ExtraLogoTwo_PP_DCU_{{DocumentLanguage}}","disableUpdates":false,"type":"image"}},{"type":"shape","id":"02b77788-ef18-4a35-8ddc-9fe074755d52","elementConfiguration":{"binding":"UserProfile.Name","visibility":{"action":"hide","binding":"Form.Manuel_dato","operator":"notEquals","compareValue":""},"disableUpdates":false,"type":"text"}},{"type":"shape","id":"484428d0-f7d5-4d0a-80af-072d4d5c4a0a","elementConfiguration":{"binding":"Form.Manuel_dato","visibility":{"action":"hide","operator":"equals","compareValue":""},"disableUpdates":false,"type":"text"}},{"type":"shape","id":"c2074129-ce86-4a0b-94c9-af466dead2cd","elementConfiguration":{"inheritDimensions":"inheritNone","width":"1.9 cm","height":"19.05 cm","binding":"UserProfile.Office.LogoColor_DCU","disableUpdates":false,"type":"image"}},{"type":"shape","id":"3aacb11f-674d-43b5-905a-83bb1ae7cc5e","elementConfiguration":{"inheritDimensions":"inheritNone","width":"6.05 cm","height":"1.9 cm","binding":"UserProfile.EkstraLogo.ExtraLogoSix_PP_DCU_{{DocumentLanguage}}","disableUpdates":false,"type":"image"}},{"type":"shape","id":"274afb6c-9aaa-4c16-9910-2eea239ceb34","elementConfiguration":{"inheritDimensions":"inheritWidth","width":"1.91 cm","binding":"UserProfile.Office.LogoH_PP_DCU","disableUpdates":false,"type":"image"}},{"type":"shape","id":"46ca471c-8c46-49c3-afea-66af1816667f","elementConfiguration":{"binding":"UserProfile.Office.Virksomhed_{{DocumentLanguage}}","disableUpdates":false,"type":"text"}},{"type":"shape","id":"7f580455-c421-483e-adc7-057f7d3461b9","elementConfiguration":{"binding":"UserProfile.CenterFreeText","visibility":{"action":"hide","binding":"UserProfile.Centers.CenterUI","operator":"notEquals","compareValue":"Intet valgt"},"disableUpdates":false,"type":"text"}},{"type":"shape","id":"374b4226-9ad6-4061-afb3-5f60c5556226","elementConfiguration":{"binding":"UserProfile.Centers.Center_{{DocumentLanguage}}","visibility":{"action":"hide","binding":"UserProfile.Centers.CenterUI","operator":"equals","compareValue":"Intet valgt"},"disableUpdates":false,"type":"text"}},{"type":"shape","id":"56945869-36a2-43c1-895f-1475d9cd02ad","elementConfiguration":{"binding":"Form.PresentationTitle","disableUpdates":false,"type":"text"}},{"type":"shape","id":"9b728591-834f-4f39-9fc8-72346f7b0d1c","elementConfiguration":{"inheritDimensions":"inheritNone","width":"1.9 cm","height":"1.9 cm","binding":"UserProfile.Office.LogoColor_DCU","disableUpdates":false,"type":"image"}},{"type":"shape","id":"83762cdd-b14b-4590-ba9c-b916fcee0311","elementConfiguration":{"inheritDimensions":"inheritNone","width":"3.68 cm","height":"1.17 cm","binding":"UserProfile.EkstraLogo.ExtraLogoPPNEGDCU_{{DocumentLanguage}}","disableUpdates":false,"type":"image"}},{"type":"shape","id":"60c3d254-771e-4876-8683-231b13f1dfcd","elementConfiguration":{"inheritDimensions":"inheritNone","width":"2.42 cm","height":"2.5 cm","binding":"UserProfile.EkstraLogo.ExtraLogoFive_PP_DCU_{{DocumentLanguage}}","disableUpdates":false,"type":"image"}},{"type":"shape","id":"967d232c-798f-497b-a5b9-94dd847eb3a1","elementConfiguration":{"inheritDimensions":"inheritNone","width":"2.42 cm","height":"2.5 cm","binding":"UserProfile.EkstraLogo.ExtraLogoTwo_PP_DCU_{{DocumentLanguage}}","disableUpdates":false,"type":"image"}},{"type":"shape","id":"0b04cb7b-6e75-4c87-8721-f40fbc289bab","elementConfiguration":{"binding":"UserProfile.Name","visibility":{"action":"hide","binding":"Form.Manuel_dato","operator":"notEquals","compareValue":""},"disableUpdates":false,"type":"text"}},{"type":"shape","id":"1e8627c6-b629-4bfd-a97e-00dd8583457e","elementConfiguration":{"binding":"Form.Manuel_dato","visibility":{"action":"hide","operator":"equals","compareValue":""},"disableUpdates":false,"type":"text"}},{"type":"shape","id":"57755af7-9948-4f1f-aeb6-7f8316d365aa","elementConfiguration":{"inheritDimensions":"inheritNone","width":"6.05 cm","height":"1.9 cm","binding":"UserProfile.EkstraLogo.ExtraLogoSix_PP_DCU_{{DocumentLanguage}}","disableUpdates":false,"type":"image"}},{"type":"shape","id":"74f61f96-15a2-4eed-957b-4e9918697ee8","elementConfiguration":{"inheritDimensions":"inheritWidth","width":"1.91 cm","binding":"UserProfile.Office.LogoH_PP_DCU","disableUpdates":false,"type":"image"}},{"type":"shape","id":"a3bf9c70-195c-4853-b8f1-ed339fc370d6","elementConfiguration":{"inheritDimensions":"inheritNone","width":"1.9 cm","height":"1.9 cm","binding":"UserProfile.Office.LogoColor_DCU","disableUpdates":false,"type":"image"}},{"type":"shape","id":"8b49c607-6a77-4c22-aade-bd7d2f59150b","elementConfiguration":{"binding":"UserProfile.Office.Virksomhed_{{DocumentLanguage}}","disableUpdates":false,"type":"text"}},{"type":"shape","id":"557e1b2a-221d-4d30-8eb0-a9b5cd61a696","elementConfiguration":{"binding":"UserProfile.CenterFreeText","visibility":{"action":"hide","binding":"UserProfile.Centers.CenterUI","operator":"notEquals","compareValue":"Intet valgt"},"disableUpdates":false,"type":"text"}},{"type":"shape","id":"ddde006e-454f-4cba-9dcd-aaeb998aacff","elementConfiguration":{"binding":"UserProfile.Centers.Center_{{DocumentLanguage}}","visibility":{"action":"hide","binding":"UserProfile.Centers.CenterUI","operator":"equals","compareValue":"Intet valgt"},"disableUpdates":false,"type":"text"}},{"type":"shape","id":"ad859e03-bfab-4b0e-a2a4-edfb13a58744","elementConfiguration":{"binding":"Form.PresentationTitle","disableUpdates":false,"type":"text"}},{"type":"shape","id":"5ad5a031-352d-4749-90b0-1211f31d6f6f","elementConfiguration":{"inheritDimensions":"inheritNone","width":"3.68 cm","height":"1.17 cm","binding":"UserProfile.EkstraLogo.ExtraLogoPPNEGDCU_{{DocumentLanguage}}","disableUpdates":false,"type":"image"}},{"type":"shape","id":"2f0ad3b1-ceeb-4ad6-8d57-ca795b7f6ee9","elementConfiguration":{"inheritDimensions":"inheritNone","width":"2.42 cm","height":"2.5 cm","binding":"UserProfile.EkstraLogo.ExtraLogoFive_PP_DCU_{{DocumentLanguage}}","disableUpdates":false,"type":"image"}},{"type":"shape","id":"8b937858-654a-427f-88c6-e5188b6e1f8b","elementConfiguration":{"inheritDimensions":"inheritNone","width":"2.42 cm","height":"2.5 cm","binding":"UserProfile.EkstraLogo.ExtraLogoTwo_PP_DCU_{{DocumentLanguage}}","disableUpdates":false,"type":"image"}},{"type":"shape","id":"2abd2049-1987-4f31-8e42-977a518c74fe","elementConfiguration":{"binding":"UserProfile.Name","visibility":{"action":"hide","binding":"Form.Manuel_dato","operator":"notEquals","compareValue":""},"disableUpdates":false,"type":"text"}},{"type":"shape","id":"b43ec1cd-647f-42ec-9ea4-f0c16a575ff2","elementConfiguration":{"binding":"Form.Manuel_dato","visibility":{"action":"hide","operator":"equals","compareValue":""},"disableUpdates":false,"type":"text"}},{"type":"shape","id":"c775cee3-50c0-4e6e-9268-04855c6b783f","elementConfiguration":{"inheritDimensions":"inheritNone","width":"6.05 cm","height":"1.9 cm","binding":"UserProfile.EkstraLogo.ExtraLogoSix_PP_DCU_{{DocumentLanguage}}","disableUpdates":false,"type":"image"}},{"type":"shape","id":"83ef869c-19ae-4544-a6bb-23f5fa61a85e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FÆLLES standard PowerPoint-præsentation 16:9","templateDescription":"Logo, enhedsnavn og farver følger dine valg i din brugerprofil","enableDocumentContentUpdater":true,"version":"1.3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placeholder":"Præsentationens titel/beskrivelse (venstre sidefod)","lines":0,"type":"textBox","name":"PresentationTitle","label":"Titel/beskrivelse","helpTexts":{"prefix":"","postfix":""},"spacing":{},"fullyQualifiedName":"PresentationTitle"},{"required":false,"placeholder":"","lines":0,"type":"textBox","name":"Manuel_dato","label":"Dato","helpTexts":{"prefix":"Indsæt ønsket dato (fjerner brugernavnet)","postfix":""},"spacing":{},"fullyQualifiedName":"Manuel_dato"}],"formDataEntries":[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978984FF-6C25-4FD4-85EA-2F9586C8CA61}">
  <ds:schemaRefs/>
</ds:datastoreItem>
</file>

<file path=customXml/itemProps2.xml><?xml version="1.0" encoding="utf-8"?>
<ds:datastoreItem xmlns:ds="http://schemas.openxmlformats.org/officeDocument/2006/customXml" ds:itemID="{BE8F26EB-1153-4B98-AAC3-D117DA0F337D}">
  <ds:schemaRefs/>
</ds:datastoreItem>
</file>

<file path=customXml/itemProps3.xml><?xml version="1.0" encoding="utf-8"?>
<ds:datastoreItem xmlns:ds="http://schemas.openxmlformats.org/officeDocument/2006/customXml" ds:itemID="{B0D2E709-FA3C-4E2D-A1F5-DD257C406372}">
  <ds:schemaRefs/>
</ds:datastoreItem>
</file>

<file path=customXml/itemProps4.xml><?xml version="1.0" encoding="utf-8"?>
<ds:datastoreItem xmlns:ds="http://schemas.openxmlformats.org/officeDocument/2006/customXml" ds:itemID="{026957DE-A263-4C3E-96D4-107DEBA1D4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055</Words>
  <Application>Microsoft Office PowerPoint</Application>
  <PresentationFormat>Widescreen</PresentationFormat>
  <Paragraphs>204</Paragraphs>
  <Slides>10</Slides>
  <Notes>10</Notes>
  <HiddenSlides>1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3</vt:i4>
      </vt:variant>
      <vt:variant>
        <vt:lpstr>Slidetitler</vt:lpstr>
      </vt:variant>
      <vt:variant>
        <vt:i4>10</vt:i4>
      </vt:variant>
    </vt:vector>
  </HeadingPairs>
  <TitlesOfParts>
    <vt:vector size="18" baseType="lpstr">
      <vt:lpstr>Arial</vt:lpstr>
      <vt:lpstr>Calibri</vt:lpstr>
      <vt:lpstr>Courier New</vt:lpstr>
      <vt:lpstr>Roboto</vt:lpstr>
      <vt:lpstr>Verdana</vt:lpstr>
      <vt:lpstr>REGION H Hospital PowerPoint Skabelon_DKfinal</vt:lpstr>
      <vt:lpstr>1_REGION H Hospital PowerPoint Skabelon_DKfinal</vt:lpstr>
      <vt:lpstr>2_REGION H Hospital PowerPoint Skabelon_DKfinal</vt:lpstr>
      <vt:lpstr>Grøn omstillingsrapport 2021  -formidler regionens klimaregnskab 2021 </vt:lpstr>
      <vt:lpstr> Klimaregnskab 2021</vt:lpstr>
      <vt:lpstr> Samlet CO2-udledning og fordeling</vt:lpstr>
      <vt:lpstr>Årshjul Grøn2030</vt:lpstr>
      <vt:lpstr>PowerPoint-præsentation</vt:lpstr>
      <vt:lpstr>PowerPoint-præsentation</vt:lpstr>
      <vt:lpstr>PowerPoint-præsentation</vt:lpstr>
      <vt:lpstr>PowerPoint-præsentation</vt:lpstr>
      <vt:lpstr>Administrationen indstiller til miljø- og klimaudvalget:   at drøfte, hvad klimaregnskabets resultater i "Grøn omstillings-rapport 2021" giver anledning til med henblik på at pege på opmærksomheds- og fokuspunkter i handlingsplanerne for 2023.   at drøfte, hvordan kommunikationen kan styrkes, herunder i hvilken udstrækning demonstrationsprojekter kan anvendes til at skabe interesse og synlighed om indsatserne, fx om reduktion af det forbrugsrelaterede klimaaftryk. </vt:lpstr>
      <vt:lpstr>PowerPoint-præ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2-09-29T13:48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2-20T15:06:21.693469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6449480377269845</vt:lpwstr>
  </property>
  <property fmtid="{D5CDD505-2E9C-101B-9397-08002B2CF9AE}" pid="7" name="TemplafyLanguageCode">
    <vt:lpwstr>da-DK</vt:lpwstr>
  </property>
</Properties>
</file>